
<file path=[Content_Types].xml><?xml version="1.0" encoding="utf-8"?>
<Types xmlns="http://schemas.openxmlformats.org/package/2006/content-types">
  <Default Extension="emf" ContentType="image/x-emf"/>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84" r:id="rId1"/>
  </p:sldMasterIdLst>
  <p:sldIdLst>
    <p:sldId id="256" r:id="rId2"/>
    <p:sldId id="257" r:id="rId3"/>
    <p:sldId id="258" r:id="rId4"/>
    <p:sldId id="259" r:id="rId5"/>
    <p:sldId id="260" r:id="rId6"/>
    <p:sldId id="261" r:id="rId7"/>
    <p:sldId id="262" r:id="rId8"/>
    <p:sldId id="265" r:id="rId9"/>
    <p:sldId id="263" r:id="rId10"/>
    <p:sldId id="264"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3" r:id="rId27"/>
    <p:sldId id="284" r:id="rId28"/>
    <p:sldId id="285" r:id="rId29"/>
    <p:sldId id="287" r:id="rId30"/>
    <p:sldId id="286" r:id="rId31"/>
  </p:sldIdLst>
  <p:sldSz cx="7559675" cy="10691813"/>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23385C"/>
    <a:srgbClr val="F26B4D"/>
    <a:srgbClr val="7FCCC7"/>
    <a:srgbClr val="FDC662"/>
    <a:srgbClr val="16A6B9"/>
    <a:srgbClr val="008CAC"/>
    <a:srgbClr val="22385A"/>
    <a:srgbClr val="026394"/>
    <a:srgbClr val="2D4A73"/>
    <a:srgbClr val="FBF7EF"/>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1498"/>
    <p:restoredTop sz="96281"/>
  </p:normalViewPr>
  <p:slideViewPr>
    <p:cSldViewPr snapToGrid="0" snapToObjects="1" showGuides="1">
      <p:cViewPr varScale="1">
        <p:scale>
          <a:sx n="56" d="100"/>
          <a:sy n="56" d="100"/>
        </p:scale>
        <p:origin x="2688" y="43"/>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tableStyles" Target="tableStyles.xml"/></Relationships>
</file>

<file path=ppt/slideLayouts/_rels/slideLayout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image" Target="../media/image1.jpeg"/><Relationship Id="rId1" Type="http://schemas.openxmlformats.org/officeDocument/2006/relationships/slideMaster" Target="../slideMasters/slideMaster1.xml"/><Relationship Id="rId4" Type="http://schemas.openxmlformats.org/officeDocument/2006/relationships/image" Target="../media/image3.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image" Target="../media/image1.jpeg"/><Relationship Id="rId1" Type="http://schemas.openxmlformats.org/officeDocument/2006/relationships/slideMaster" Target="../slideMasters/slideMaster1.xml"/><Relationship Id="rId4" Type="http://schemas.openxmlformats.org/officeDocument/2006/relationships/image" Target="../media/image3.png"/></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userDrawn="1">
  <p:cSld name="Cover">
    <p:spTree>
      <p:nvGrpSpPr>
        <p:cNvPr id="1" name=""/>
        <p:cNvGrpSpPr/>
        <p:nvPr/>
      </p:nvGrpSpPr>
      <p:grpSpPr>
        <a:xfrm>
          <a:off x="0" y="0"/>
          <a:ext cx="0" cy="0"/>
          <a:chOff x="0" y="0"/>
          <a:chExt cx="0" cy="0"/>
        </a:xfrm>
      </p:grpSpPr>
      <p:sp>
        <p:nvSpPr>
          <p:cNvPr id="14" name="Rectangle 13">
            <a:extLst>
              <a:ext uri="{FF2B5EF4-FFF2-40B4-BE49-F238E27FC236}">
                <a16:creationId xmlns:a16="http://schemas.microsoft.com/office/drawing/2014/main" id="{3F95AC7C-89C1-024F-8166-2B019AF75250}"/>
              </a:ext>
            </a:extLst>
          </p:cNvPr>
          <p:cNvSpPr/>
          <p:nvPr userDrawn="1"/>
        </p:nvSpPr>
        <p:spPr>
          <a:xfrm>
            <a:off x="779462" y="2259463"/>
            <a:ext cx="3680460" cy="7649939"/>
          </a:xfrm>
          <a:prstGeom prst="rect">
            <a:avLst/>
          </a:prstGeom>
          <a:solidFill>
            <a:srgbClr val="7ECDC7"/>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horz" wrap="square" lIns="91440" tIns="45720" rIns="91440" bIns="45720" numCol="1" spcCol="0" rtlCol="0" fromWordArt="0" anchor="ctr" anchorCtr="0" forceAA="0" compatLnSpc="1">
            <a:prstTxWarp prst="textNoShape">
              <a:avLst/>
            </a:prstTxWarp>
            <a:noAutofit/>
          </a:bodyPr>
          <a:lstStyle/>
          <a:p>
            <a:endParaRPr lang="en-GB"/>
          </a:p>
        </p:txBody>
      </p:sp>
      <p:sp>
        <p:nvSpPr>
          <p:cNvPr id="21" name="Rectangle 20">
            <a:extLst>
              <a:ext uri="{FF2B5EF4-FFF2-40B4-BE49-F238E27FC236}">
                <a16:creationId xmlns:a16="http://schemas.microsoft.com/office/drawing/2014/main" id="{B3D2D307-BB3F-7A4B-8448-6E4B308B0526}"/>
              </a:ext>
            </a:extLst>
          </p:cNvPr>
          <p:cNvSpPr/>
          <p:nvPr userDrawn="1"/>
        </p:nvSpPr>
        <p:spPr>
          <a:xfrm>
            <a:off x="3347357" y="6335488"/>
            <a:ext cx="3706586" cy="209686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pic>
        <p:nvPicPr>
          <p:cNvPr id="13" name="Picture 12">
            <a:extLst>
              <a:ext uri="{FF2B5EF4-FFF2-40B4-BE49-F238E27FC236}">
                <a16:creationId xmlns:a16="http://schemas.microsoft.com/office/drawing/2014/main" id="{2CE25296-73A4-804C-B698-FC766CF2DD6D}"/>
              </a:ext>
            </a:extLst>
          </p:cNvPr>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5312239" y="10018173"/>
            <a:ext cx="1593156" cy="455071"/>
          </a:xfrm>
          <a:prstGeom prst="rect">
            <a:avLst/>
          </a:prstGeom>
        </p:spPr>
      </p:pic>
      <p:pic>
        <p:nvPicPr>
          <p:cNvPr id="15" name="Picture 14" descr="Logo, company name&#10;&#10;Description automatically generated">
            <a:extLst>
              <a:ext uri="{FF2B5EF4-FFF2-40B4-BE49-F238E27FC236}">
                <a16:creationId xmlns:a16="http://schemas.microsoft.com/office/drawing/2014/main" id="{7589C0D3-70DE-6746-BA74-91CB4E982AB1}"/>
              </a:ext>
            </a:extLst>
          </p:cNvPr>
          <p:cNvPicPr/>
          <p:nvPr userDrawn="1"/>
        </p:nvPicPr>
        <p:blipFill>
          <a:blip r:embed="rId3" cstate="email">
            <a:extLst>
              <a:ext uri="{28A0092B-C50C-407E-A947-70E740481C1C}">
                <a14:useLocalDpi xmlns:a14="http://schemas.microsoft.com/office/drawing/2010/main"/>
              </a:ext>
            </a:extLst>
          </a:blip>
          <a:stretch>
            <a:fillRect/>
          </a:stretch>
        </p:blipFill>
        <p:spPr>
          <a:xfrm>
            <a:off x="779462" y="0"/>
            <a:ext cx="3680460" cy="2357120"/>
          </a:xfrm>
          <a:prstGeom prst="rect">
            <a:avLst/>
          </a:prstGeom>
        </p:spPr>
      </p:pic>
      <p:sp>
        <p:nvSpPr>
          <p:cNvPr id="20" name="Picture Placeholder 19">
            <a:extLst>
              <a:ext uri="{FF2B5EF4-FFF2-40B4-BE49-F238E27FC236}">
                <a16:creationId xmlns:a16="http://schemas.microsoft.com/office/drawing/2014/main" id="{1915F7CD-ECB3-4B48-864C-C34C737FD5D8}"/>
              </a:ext>
            </a:extLst>
          </p:cNvPr>
          <p:cNvSpPr>
            <a:spLocks noGrp="1"/>
          </p:cNvSpPr>
          <p:nvPr>
            <p:ph type="pic" sz="quarter" idx="10"/>
          </p:nvPr>
        </p:nvSpPr>
        <p:spPr>
          <a:xfrm>
            <a:off x="0" y="2357438"/>
            <a:ext cx="7559675" cy="4645025"/>
          </a:xfrm>
          <a:custGeom>
            <a:avLst/>
            <a:gdLst>
              <a:gd name="connsiteX0" fmla="*/ 0 w 7559675"/>
              <a:gd name="connsiteY0" fmla="*/ 0 h 4645025"/>
              <a:gd name="connsiteX1" fmla="*/ 7559675 w 7559675"/>
              <a:gd name="connsiteY1" fmla="*/ 0 h 4645025"/>
              <a:gd name="connsiteX2" fmla="*/ 7559675 w 7559675"/>
              <a:gd name="connsiteY2" fmla="*/ 4645025 h 4645025"/>
              <a:gd name="connsiteX3" fmla="*/ 7053943 w 7559675"/>
              <a:gd name="connsiteY3" fmla="*/ 4645025 h 4645025"/>
              <a:gd name="connsiteX4" fmla="*/ 7053943 w 7559675"/>
              <a:gd name="connsiteY4" fmla="*/ 3978050 h 4645025"/>
              <a:gd name="connsiteX5" fmla="*/ 3347357 w 7559675"/>
              <a:gd name="connsiteY5" fmla="*/ 3978050 h 4645025"/>
              <a:gd name="connsiteX6" fmla="*/ 3347357 w 7559675"/>
              <a:gd name="connsiteY6" fmla="*/ 4645025 h 4645025"/>
              <a:gd name="connsiteX7" fmla="*/ 0 w 7559675"/>
              <a:gd name="connsiteY7" fmla="*/ 4645025 h 46450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7559675" h="4645025">
                <a:moveTo>
                  <a:pt x="0" y="0"/>
                </a:moveTo>
                <a:lnTo>
                  <a:pt x="7559675" y="0"/>
                </a:lnTo>
                <a:lnTo>
                  <a:pt x="7559675" y="4645025"/>
                </a:lnTo>
                <a:lnTo>
                  <a:pt x="7053943" y="4645025"/>
                </a:lnTo>
                <a:lnTo>
                  <a:pt x="7053943" y="3978050"/>
                </a:lnTo>
                <a:lnTo>
                  <a:pt x="3347357" y="3978050"/>
                </a:lnTo>
                <a:lnTo>
                  <a:pt x="3347357" y="4645025"/>
                </a:lnTo>
                <a:lnTo>
                  <a:pt x="0" y="4645025"/>
                </a:lnTo>
                <a:close/>
              </a:path>
            </a:pathLst>
          </a:custGeom>
        </p:spPr>
        <p:txBody>
          <a:bodyPr wrap="square">
            <a:noAutofit/>
          </a:bodyPr>
          <a:lstStyle>
            <a:lvl1pPr>
              <a:defRPr sz="1800">
                <a:latin typeface="Calibri" panose="020F0502020204030204" pitchFamily="34" charset="0"/>
                <a:cs typeface="Calibri" panose="020F0502020204030204" pitchFamily="34" charset="0"/>
              </a:defRPr>
            </a:lvl1pPr>
          </a:lstStyle>
          <a:p>
            <a:endParaRPr lang="en-RU"/>
          </a:p>
        </p:txBody>
      </p:sp>
      <p:sp>
        <p:nvSpPr>
          <p:cNvPr id="18" name="object 12">
            <a:extLst>
              <a:ext uri="{FF2B5EF4-FFF2-40B4-BE49-F238E27FC236}">
                <a16:creationId xmlns:a16="http://schemas.microsoft.com/office/drawing/2014/main" id="{AA694E80-81F9-D54C-B220-E91AEE369C03}"/>
              </a:ext>
            </a:extLst>
          </p:cNvPr>
          <p:cNvSpPr txBox="1"/>
          <p:nvPr userDrawn="1"/>
        </p:nvSpPr>
        <p:spPr>
          <a:xfrm>
            <a:off x="900108" y="10109555"/>
            <a:ext cx="3681601" cy="363689"/>
          </a:xfrm>
          <a:prstGeom prst="rect">
            <a:avLst/>
          </a:prstGeom>
        </p:spPr>
        <p:txBody>
          <a:bodyPr vert="horz" wrap="square" lIns="0" tIns="12700" rIns="0" bIns="0" rtlCol="0">
            <a:spAutoFit/>
          </a:bodyPr>
          <a:lstStyle/>
          <a:p>
            <a:pPr marL="0" marR="0" indent="0" algn="just" defTabSz="325892" rtl="0" eaLnBrk="1" fontAlgn="auto" latinLnBrk="0" hangingPunct="1">
              <a:lnSpc>
                <a:spcPct val="100000"/>
              </a:lnSpc>
              <a:spcBef>
                <a:spcPts val="0"/>
              </a:spcBef>
              <a:spcAft>
                <a:spcPts val="0"/>
              </a:spcAft>
              <a:buClrTx/>
              <a:buSzTx/>
              <a:buFontTx/>
              <a:buNone/>
              <a:tabLst/>
              <a:defRPr/>
            </a:pPr>
            <a:r>
              <a:rPr lang="en-GB" sz="760" dirty="0">
                <a:solidFill>
                  <a:srgbClr val="26262A"/>
                </a:solidFill>
                <a:latin typeface="Calibri" panose="020F0502020204030204" pitchFamily="34" charset="0"/>
                <a:cs typeface="Calibri" panose="020F0502020204030204" pitchFamily="34" charset="0"/>
              </a:rPr>
              <a:t>This project has been funded with support from the European Commission. This publication reflects the views only of the author and the Commission cannot be held responsible for any use, which may be made of the information contained therein.</a:t>
            </a:r>
          </a:p>
        </p:txBody>
      </p:sp>
      <p:pic>
        <p:nvPicPr>
          <p:cNvPr id="16" name="Picture 15" descr="Icon&#10;&#10;Description automatically generated">
            <a:extLst>
              <a:ext uri="{FF2B5EF4-FFF2-40B4-BE49-F238E27FC236}">
                <a16:creationId xmlns:a16="http://schemas.microsoft.com/office/drawing/2014/main" id="{AD4B1902-BAD8-B84E-9C6E-F3E99B0126E7}"/>
              </a:ext>
            </a:extLst>
          </p:cNvPr>
          <p:cNvPicPr/>
          <p:nvPr userDrawn="1"/>
        </p:nvPicPr>
        <p:blipFill>
          <a:blip r:embed="rId4" cstate="email">
            <a:extLst>
              <a:ext uri="{28A0092B-C50C-407E-A947-70E740481C1C}">
                <a14:useLocalDpi xmlns:a14="http://schemas.microsoft.com/office/drawing/2010/main"/>
              </a:ext>
            </a:extLst>
          </a:blip>
          <a:stretch>
            <a:fillRect/>
          </a:stretch>
        </p:blipFill>
        <p:spPr>
          <a:xfrm flipH="1">
            <a:off x="0" y="8037513"/>
            <a:ext cx="3780790" cy="1882800"/>
          </a:xfrm>
          <a:prstGeom prst="rect">
            <a:avLst/>
          </a:prstGeom>
        </p:spPr>
      </p:pic>
      <p:sp>
        <p:nvSpPr>
          <p:cNvPr id="19" name="Text Placeholder 23">
            <a:extLst>
              <a:ext uri="{FF2B5EF4-FFF2-40B4-BE49-F238E27FC236}">
                <a16:creationId xmlns:a16="http://schemas.microsoft.com/office/drawing/2014/main" id="{57A7FC59-E14F-4447-93A8-84E086D4BA45}"/>
              </a:ext>
            </a:extLst>
          </p:cNvPr>
          <p:cNvSpPr>
            <a:spLocks noGrp="1"/>
          </p:cNvSpPr>
          <p:nvPr>
            <p:ph type="body" sz="quarter" idx="16" hasCustomPrompt="1"/>
          </p:nvPr>
        </p:nvSpPr>
        <p:spPr>
          <a:xfrm>
            <a:off x="3370474" y="6629644"/>
            <a:ext cx="3657344" cy="1485654"/>
          </a:xfrm>
        </p:spPr>
        <p:txBody>
          <a:bodyPr>
            <a:normAutofit/>
          </a:bodyPr>
          <a:lstStyle>
            <a:lvl1pPr marL="0" indent="0" algn="l">
              <a:buNone/>
              <a:defRPr sz="2800" b="0" i="0">
                <a:solidFill>
                  <a:schemeClr val="bg1"/>
                </a:solidFill>
                <a:latin typeface="Calibri" panose="020F0502020204030204" pitchFamily="34" charset="0"/>
                <a:cs typeface="Calibri" panose="020F0502020204030204" pitchFamily="34" charset="0"/>
              </a:defRPr>
            </a:lvl1pPr>
          </a:lstStyle>
          <a:p>
            <a:pPr lvl="0"/>
            <a:r>
              <a:rPr lang="en-US" dirty="0"/>
              <a:t>Cover Design 1</a:t>
            </a:r>
          </a:p>
        </p:txBody>
      </p:sp>
    </p:spTree>
    <p:extLst>
      <p:ext uri="{BB962C8B-B14F-4D97-AF65-F5344CB8AC3E}">
        <p14:creationId xmlns:p14="http://schemas.microsoft.com/office/powerpoint/2010/main" val="118652428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1_Cover">
    <p:spTree>
      <p:nvGrpSpPr>
        <p:cNvPr id="1" name=""/>
        <p:cNvGrpSpPr/>
        <p:nvPr/>
      </p:nvGrpSpPr>
      <p:grpSpPr>
        <a:xfrm>
          <a:off x="0" y="0"/>
          <a:ext cx="0" cy="0"/>
          <a:chOff x="0" y="0"/>
          <a:chExt cx="0" cy="0"/>
        </a:xfrm>
      </p:grpSpPr>
      <p:sp>
        <p:nvSpPr>
          <p:cNvPr id="14" name="Rectangle 13">
            <a:extLst>
              <a:ext uri="{FF2B5EF4-FFF2-40B4-BE49-F238E27FC236}">
                <a16:creationId xmlns:a16="http://schemas.microsoft.com/office/drawing/2014/main" id="{3F95AC7C-89C1-024F-8166-2B019AF75250}"/>
              </a:ext>
            </a:extLst>
          </p:cNvPr>
          <p:cNvSpPr/>
          <p:nvPr userDrawn="1"/>
        </p:nvSpPr>
        <p:spPr>
          <a:xfrm>
            <a:off x="779462" y="2259463"/>
            <a:ext cx="3680460" cy="7649939"/>
          </a:xfrm>
          <a:prstGeom prst="rect">
            <a:avLst/>
          </a:prstGeom>
          <a:solidFill>
            <a:srgbClr val="7ECDC7"/>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horz" wrap="square" lIns="91440" tIns="45720" rIns="91440" bIns="45720" numCol="1" spcCol="0" rtlCol="0" fromWordArt="0" anchor="ctr" anchorCtr="0" forceAA="0" compatLnSpc="1">
            <a:prstTxWarp prst="textNoShape">
              <a:avLst/>
            </a:prstTxWarp>
            <a:noAutofit/>
          </a:bodyPr>
          <a:lstStyle/>
          <a:p>
            <a:endParaRPr lang="en-GB"/>
          </a:p>
        </p:txBody>
      </p:sp>
      <p:sp>
        <p:nvSpPr>
          <p:cNvPr id="5" name="Rectangle 4">
            <a:extLst>
              <a:ext uri="{FF2B5EF4-FFF2-40B4-BE49-F238E27FC236}">
                <a16:creationId xmlns:a16="http://schemas.microsoft.com/office/drawing/2014/main" id="{086C01AD-6599-93C8-E140-A9BB333AF11B}"/>
              </a:ext>
            </a:extLst>
          </p:cNvPr>
          <p:cNvSpPr/>
          <p:nvPr userDrawn="1"/>
        </p:nvSpPr>
        <p:spPr>
          <a:xfrm>
            <a:off x="3347356" y="6335488"/>
            <a:ext cx="4212319" cy="209686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pic>
        <p:nvPicPr>
          <p:cNvPr id="13" name="Picture 12">
            <a:extLst>
              <a:ext uri="{FF2B5EF4-FFF2-40B4-BE49-F238E27FC236}">
                <a16:creationId xmlns:a16="http://schemas.microsoft.com/office/drawing/2014/main" id="{2CE25296-73A4-804C-B698-FC766CF2DD6D}"/>
              </a:ext>
            </a:extLst>
          </p:cNvPr>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5312239" y="10018173"/>
            <a:ext cx="1593156" cy="455071"/>
          </a:xfrm>
          <a:prstGeom prst="rect">
            <a:avLst/>
          </a:prstGeom>
        </p:spPr>
      </p:pic>
      <p:pic>
        <p:nvPicPr>
          <p:cNvPr id="15" name="Picture 14" descr="Logo, company name&#10;&#10;Description automatically generated">
            <a:extLst>
              <a:ext uri="{FF2B5EF4-FFF2-40B4-BE49-F238E27FC236}">
                <a16:creationId xmlns:a16="http://schemas.microsoft.com/office/drawing/2014/main" id="{7589C0D3-70DE-6746-BA74-91CB4E982AB1}"/>
              </a:ext>
            </a:extLst>
          </p:cNvPr>
          <p:cNvPicPr/>
          <p:nvPr userDrawn="1"/>
        </p:nvPicPr>
        <p:blipFill>
          <a:blip r:embed="rId3" cstate="email">
            <a:extLst>
              <a:ext uri="{28A0092B-C50C-407E-A947-70E740481C1C}">
                <a14:useLocalDpi xmlns:a14="http://schemas.microsoft.com/office/drawing/2010/main"/>
              </a:ext>
            </a:extLst>
          </a:blip>
          <a:stretch>
            <a:fillRect/>
          </a:stretch>
        </p:blipFill>
        <p:spPr>
          <a:xfrm>
            <a:off x="779462" y="0"/>
            <a:ext cx="3680460" cy="2357120"/>
          </a:xfrm>
          <a:prstGeom prst="rect">
            <a:avLst/>
          </a:prstGeom>
        </p:spPr>
      </p:pic>
      <p:sp>
        <p:nvSpPr>
          <p:cNvPr id="4" name="Picture Placeholder 3">
            <a:extLst>
              <a:ext uri="{FF2B5EF4-FFF2-40B4-BE49-F238E27FC236}">
                <a16:creationId xmlns:a16="http://schemas.microsoft.com/office/drawing/2014/main" id="{661F6703-28DD-6F25-6F30-E702ADD0F74D}"/>
              </a:ext>
            </a:extLst>
          </p:cNvPr>
          <p:cNvSpPr>
            <a:spLocks noGrp="1"/>
          </p:cNvSpPr>
          <p:nvPr>
            <p:ph type="pic" sz="quarter" idx="10"/>
          </p:nvPr>
        </p:nvSpPr>
        <p:spPr>
          <a:xfrm>
            <a:off x="0" y="2357438"/>
            <a:ext cx="7559675" cy="4645025"/>
          </a:xfrm>
          <a:custGeom>
            <a:avLst/>
            <a:gdLst>
              <a:gd name="connsiteX0" fmla="*/ 0 w 7559675"/>
              <a:gd name="connsiteY0" fmla="*/ 0 h 4645025"/>
              <a:gd name="connsiteX1" fmla="*/ 7559675 w 7559675"/>
              <a:gd name="connsiteY1" fmla="*/ 0 h 4645025"/>
              <a:gd name="connsiteX2" fmla="*/ 7559675 w 7559675"/>
              <a:gd name="connsiteY2" fmla="*/ 3978050 h 4645025"/>
              <a:gd name="connsiteX3" fmla="*/ 7286323 w 7559675"/>
              <a:gd name="connsiteY3" fmla="*/ 3978050 h 4645025"/>
              <a:gd name="connsiteX4" fmla="*/ 7053943 w 7559675"/>
              <a:gd name="connsiteY4" fmla="*/ 3978050 h 4645025"/>
              <a:gd name="connsiteX5" fmla="*/ 3347357 w 7559675"/>
              <a:gd name="connsiteY5" fmla="*/ 3978050 h 4645025"/>
              <a:gd name="connsiteX6" fmla="*/ 3347356 w 7559675"/>
              <a:gd name="connsiteY6" fmla="*/ 3978050 h 4645025"/>
              <a:gd name="connsiteX7" fmla="*/ 3347356 w 7559675"/>
              <a:gd name="connsiteY7" fmla="*/ 4645025 h 4645025"/>
              <a:gd name="connsiteX8" fmla="*/ 0 w 7559675"/>
              <a:gd name="connsiteY8" fmla="*/ 4645025 h 46450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59675" h="4645025">
                <a:moveTo>
                  <a:pt x="0" y="0"/>
                </a:moveTo>
                <a:lnTo>
                  <a:pt x="7559675" y="0"/>
                </a:lnTo>
                <a:lnTo>
                  <a:pt x="7559675" y="3978050"/>
                </a:lnTo>
                <a:lnTo>
                  <a:pt x="7286323" y="3978050"/>
                </a:lnTo>
                <a:lnTo>
                  <a:pt x="7053943" y="3978050"/>
                </a:lnTo>
                <a:lnTo>
                  <a:pt x="3347357" y="3978050"/>
                </a:lnTo>
                <a:lnTo>
                  <a:pt x="3347356" y="3978050"/>
                </a:lnTo>
                <a:lnTo>
                  <a:pt x="3347356" y="4645025"/>
                </a:lnTo>
                <a:lnTo>
                  <a:pt x="0" y="4645025"/>
                </a:lnTo>
                <a:close/>
              </a:path>
            </a:pathLst>
          </a:custGeom>
        </p:spPr>
        <p:txBody>
          <a:bodyPr wrap="square">
            <a:noAutofit/>
          </a:bodyPr>
          <a:lstStyle>
            <a:lvl1pPr>
              <a:defRPr sz="1800">
                <a:latin typeface="Calibri" panose="020F0502020204030204" pitchFamily="34" charset="0"/>
                <a:cs typeface="Calibri" panose="020F0502020204030204" pitchFamily="34" charset="0"/>
              </a:defRPr>
            </a:lvl1pPr>
          </a:lstStyle>
          <a:p>
            <a:endParaRPr lang="en-RU"/>
          </a:p>
        </p:txBody>
      </p:sp>
      <p:sp>
        <p:nvSpPr>
          <p:cNvPr id="18" name="object 12">
            <a:extLst>
              <a:ext uri="{FF2B5EF4-FFF2-40B4-BE49-F238E27FC236}">
                <a16:creationId xmlns:a16="http://schemas.microsoft.com/office/drawing/2014/main" id="{AA694E80-81F9-D54C-B220-E91AEE369C03}"/>
              </a:ext>
            </a:extLst>
          </p:cNvPr>
          <p:cNvSpPr txBox="1"/>
          <p:nvPr userDrawn="1"/>
        </p:nvSpPr>
        <p:spPr>
          <a:xfrm>
            <a:off x="900108" y="10109555"/>
            <a:ext cx="3681601" cy="246734"/>
          </a:xfrm>
          <a:prstGeom prst="rect">
            <a:avLst/>
          </a:prstGeom>
        </p:spPr>
        <p:txBody>
          <a:bodyPr vert="horz" wrap="square" lIns="0" tIns="12700" rIns="0" bIns="0" rtlCol="0">
            <a:spAutoFit/>
          </a:bodyPr>
          <a:lstStyle/>
          <a:p>
            <a:pPr marL="0" marR="0" indent="0" algn="just" defTabSz="325892" rtl="0" eaLnBrk="1" fontAlgn="auto" latinLnBrk="0" hangingPunct="1">
              <a:lnSpc>
                <a:spcPct val="100000"/>
              </a:lnSpc>
              <a:spcBef>
                <a:spcPts val="0"/>
              </a:spcBef>
              <a:spcAft>
                <a:spcPts val="0"/>
              </a:spcAft>
              <a:buClrTx/>
              <a:buSzTx/>
              <a:buFontTx/>
              <a:buNone/>
              <a:tabLst/>
              <a:defRPr/>
            </a:pPr>
            <a:r>
              <a:rPr lang="en-GB" sz="760" dirty="0">
                <a:solidFill>
                  <a:srgbClr val="26262A"/>
                </a:solidFill>
                <a:latin typeface="Calibri" panose="020F0502020204030204" pitchFamily="34" charset="0"/>
                <a:cs typeface="Calibri" panose="020F0502020204030204" pitchFamily="34" charset="0"/>
              </a:rPr>
              <a:t>See projekt on rahastatud Euroopa Komisjoni toetusel. See väljaanne kajastab ainult autori seisukohti ja komisjon ei vastuta selles sisalduva teabe võimaliku kasutamise eest.</a:t>
            </a:r>
          </a:p>
        </p:txBody>
      </p:sp>
      <p:pic>
        <p:nvPicPr>
          <p:cNvPr id="16" name="Picture 15" descr="Icon&#10;&#10;Description automatically generated">
            <a:extLst>
              <a:ext uri="{FF2B5EF4-FFF2-40B4-BE49-F238E27FC236}">
                <a16:creationId xmlns:a16="http://schemas.microsoft.com/office/drawing/2014/main" id="{AD4B1902-BAD8-B84E-9C6E-F3E99B0126E7}"/>
              </a:ext>
            </a:extLst>
          </p:cNvPr>
          <p:cNvPicPr/>
          <p:nvPr userDrawn="1"/>
        </p:nvPicPr>
        <p:blipFill>
          <a:blip r:embed="rId4" cstate="email">
            <a:extLst>
              <a:ext uri="{28A0092B-C50C-407E-A947-70E740481C1C}">
                <a14:useLocalDpi xmlns:a14="http://schemas.microsoft.com/office/drawing/2010/main"/>
              </a:ext>
            </a:extLst>
          </a:blip>
          <a:stretch>
            <a:fillRect/>
          </a:stretch>
        </p:blipFill>
        <p:spPr>
          <a:xfrm flipH="1">
            <a:off x="0" y="8037513"/>
            <a:ext cx="3780790" cy="1882800"/>
          </a:xfrm>
          <a:prstGeom prst="rect">
            <a:avLst/>
          </a:prstGeom>
        </p:spPr>
      </p:pic>
      <p:sp>
        <p:nvSpPr>
          <p:cNvPr id="19" name="Text Placeholder 23">
            <a:extLst>
              <a:ext uri="{FF2B5EF4-FFF2-40B4-BE49-F238E27FC236}">
                <a16:creationId xmlns:a16="http://schemas.microsoft.com/office/drawing/2014/main" id="{57A7FC59-E14F-4447-93A8-84E086D4BA45}"/>
              </a:ext>
            </a:extLst>
          </p:cNvPr>
          <p:cNvSpPr>
            <a:spLocks noGrp="1"/>
          </p:cNvSpPr>
          <p:nvPr>
            <p:ph type="body" sz="quarter" idx="16" hasCustomPrompt="1"/>
          </p:nvPr>
        </p:nvSpPr>
        <p:spPr>
          <a:xfrm>
            <a:off x="3370474" y="6629644"/>
            <a:ext cx="3657344" cy="1485654"/>
          </a:xfrm>
        </p:spPr>
        <p:txBody>
          <a:bodyPr>
            <a:normAutofit/>
          </a:bodyPr>
          <a:lstStyle>
            <a:lvl1pPr marL="0" indent="0" algn="l">
              <a:buNone/>
              <a:defRPr sz="2800" b="0" i="0">
                <a:solidFill>
                  <a:schemeClr val="bg1"/>
                </a:solidFill>
                <a:latin typeface="Calibri" panose="020F0502020204030204" pitchFamily="34" charset="0"/>
                <a:cs typeface="Calibri" panose="020F0502020204030204" pitchFamily="34" charset="0"/>
              </a:defRPr>
            </a:lvl1pPr>
          </a:lstStyle>
          <a:p>
            <a:pPr lvl="0"/>
            <a:r>
              <a:rPr lang="en-US" dirty="0"/>
              <a:t>Cover Design 1</a:t>
            </a:r>
          </a:p>
        </p:txBody>
      </p:sp>
    </p:spTree>
    <p:extLst>
      <p:ext uri="{BB962C8B-B14F-4D97-AF65-F5344CB8AC3E}">
        <p14:creationId xmlns:p14="http://schemas.microsoft.com/office/powerpoint/2010/main" val="201074442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Content">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1BEF97BD-2F94-F848-B7D7-85E58816E8D9}"/>
              </a:ext>
            </a:extLst>
          </p:cNvPr>
          <p:cNvSpPr/>
          <p:nvPr userDrawn="1"/>
        </p:nvSpPr>
        <p:spPr>
          <a:xfrm>
            <a:off x="0" y="1"/>
            <a:ext cx="7559675" cy="1615664"/>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horz" wrap="square" lIns="91440" tIns="45720" rIns="91440" bIns="45720" numCol="1" spcCol="0" rtlCol="0" fromWordArt="0" anchor="ctr" anchorCtr="0" forceAA="0" compatLnSpc="1">
            <a:prstTxWarp prst="textNoShape">
              <a:avLst/>
            </a:prstTxWarp>
            <a:noAutofit/>
          </a:bodyPr>
          <a:lstStyle/>
          <a:p>
            <a:endParaRPr lang="en-GB"/>
          </a:p>
        </p:txBody>
      </p:sp>
      <p:sp>
        <p:nvSpPr>
          <p:cNvPr id="7" name="Text Placeholder 25">
            <a:extLst>
              <a:ext uri="{FF2B5EF4-FFF2-40B4-BE49-F238E27FC236}">
                <a16:creationId xmlns:a16="http://schemas.microsoft.com/office/drawing/2014/main" id="{B2BD9450-52D0-FC4D-95FF-703651A716A1}"/>
              </a:ext>
            </a:extLst>
          </p:cNvPr>
          <p:cNvSpPr>
            <a:spLocks noGrp="1"/>
          </p:cNvSpPr>
          <p:nvPr>
            <p:ph type="body" sz="quarter" idx="15" hasCustomPrompt="1"/>
          </p:nvPr>
        </p:nvSpPr>
        <p:spPr>
          <a:xfrm>
            <a:off x="1044759" y="2149139"/>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1</a:t>
            </a:r>
          </a:p>
        </p:txBody>
      </p:sp>
      <p:sp>
        <p:nvSpPr>
          <p:cNvPr id="8" name="Text Placeholder 25">
            <a:extLst>
              <a:ext uri="{FF2B5EF4-FFF2-40B4-BE49-F238E27FC236}">
                <a16:creationId xmlns:a16="http://schemas.microsoft.com/office/drawing/2014/main" id="{35C61A93-2DBB-064B-A70C-A29179B1E927}"/>
              </a:ext>
            </a:extLst>
          </p:cNvPr>
          <p:cNvSpPr>
            <a:spLocks noGrp="1"/>
          </p:cNvSpPr>
          <p:nvPr>
            <p:ph type="body" sz="quarter" idx="14" hasCustomPrompt="1"/>
          </p:nvPr>
        </p:nvSpPr>
        <p:spPr>
          <a:xfrm>
            <a:off x="1601242" y="2156561"/>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9" name="Text Placeholder 23">
            <a:extLst>
              <a:ext uri="{FF2B5EF4-FFF2-40B4-BE49-F238E27FC236}">
                <a16:creationId xmlns:a16="http://schemas.microsoft.com/office/drawing/2014/main" id="{FF8ED9FE-2D82-224D-82D9-131B0B4DE2A1}"/>
              </a:ext>
            </a:extLst>
          </p:cNvPr>
          <p:cNvSpPr>
            <a:spLocks noGrp="1"/>
          </p:cNvSpPr>
          <p:nvPr>
            <p:ph type="body" sz="quarter" idx="16" hasCustomPrompt="1"/>
          </p:nvPr>
        </p:nvSpPr>
        <p:spPr>
          <a:xfrm>
            <a:off x="918629" y="628636"/>
            <a:ext cx="5669496" cy="603631"/>
          </a:xfrm>
        </p:spPr>
        <p:txBody>
          <a:bodyPr>
            <a:noAutofit/>
          </a:bodyPr>
          <a:lstStyle>
            <a:lvl1pPr marL="0" indent="0" algn="l">
              <a:buNone/>
              <a:defRPr sz="4400" b="1" i="0">
                <a:solidFill>
                  <a:schemeClr val="bg1"/>
                </a:solidFill>
                <a:latin typeface="Calibri" panose="020F0502020204030204" pitchFamily="34" charset="0"/>
                <a:cs typeface="Calibri" panose="020F0502020204030204" pitchFamily="34" charset="0"/>
              </a:defRPr>
            </a:lvl1pPr>
          </a:lstStyle>
          <a:p>
            <a:pPr lvl="0"/>
            <a:r>
              <a:rPr lang="en-US" dirty="0"/>
              <a:t>TABLE OF CONTENTS</a:t>
            </a:r>
          </a:p>
        </p:txBody>
      </p:sp>
      <p:sp>
        <p:nvSpPr>
          <p:cNvPr id="10" name="Text Placeholder 25">
            <a:extLst>
              <a:ext uri="{FF2B5EF4-FFF2-40B4-BE49-F238E27FC236}">
                <a16:creationId xmlns:a16="http://schemas.microsoft.com/office/drawing/2014/main" id="{DABCA074-477D-EF48-95CA-C68BF50FD823}"/>
              </a:ext>
            </a:extLst>
          </p:cNvPr>
          <p:cNvSpPr>
            <a:spLocks noGrp="1"/>
          </p:cNvSpPr>
          <p:nvPr>
            <p:ph type="body" sz="quarter" idx="17" hasCustomPrompt="1"/>
          </p:nvPr>
        </p:nvSpPr>
        <p:spPr>
          <a:xfrm>
            <a:off x="1060521" y="2867816"/>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2</a:t>
            </a:r>
          </a:p>
        </p:txBody>
      </p:sp>
      <p:sp>
        <p:nvSpPr>
          <p:cNvPr id="11" name="Text Placeholder 25">
            <a:extLst>
              <a:ext uri="{FF2B5EF4-FFF2-40B4-BE49-F238E27FC236}">
                <a16:creationId xmlns:a16="http://schemas.microsoft.com/office/drawing/2014/main" id="{8E2294D2-920F-3143-B93D-50381C1D1064}"/>
              </a:ext>
            </a:extLst>
          </p:cNvPr>
          <p:cNvSpPr>
            <a:spLocks noGrp="1"/>
          </p:cNvSpPr>
          <p:nvPr>
            <p:ph type="body" sz="quarter" idx="18" hasCustomPrompt="1"/>
          </p:nvPr>
        </p:nvSpPr>
        <p:spPr>
          <a:xfrm>
            <a:off x="1617004" y="2875238"/>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12" name="Text Placeholder 25">
            <a:extLst>
              <a:ext uri="{FF2B5EF4-FFF2-40B4-BE49-F238E27FC236}">
                <a16:creationId xmlns:a16="http://schemas.microsoft.com/office/drawing/2014/main" id="{A8EA006C-C946-E746-8775-FBD21BD70703}"/>
              </a:ext>
            </a:extLst>
          </p:cNvPr>
          <p:cNvSpPr>
            <a:spLocks noGrp="1"/>
          </p:cNvSpPr>
          <p:nvPr>
            <p:ph type="body" sz="quarter" idx="19" hasCustomPrompt="1"/>
          </p:nvPr>
        </p:nvSpPr>
        <p:spPr>
          <a:xfrm>
            <a:off x="1060521" y="3579071"/>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3</a:t>
            </a:r>
          </a:p>
        </p:txBody>
      </p:sp>
      <p:sp>
        <p:nvSpPr>
          <p:cNvPr id="13" name="Text Placeholder 25">
            <a:extLst>
              <a:ext uri="{FF2B5EF4-FFF2-40B4-BE49-F238E27FC236}">
                <a16:creationId xmlns:a16="http://schemas.microsoft.com/office/drawing/2014/main" id="{91EF9FB7-D387-3042-AB32-0C11C7E2521C}"/>
              </a:ext>
            </a:extLst>
          </p:cNvPr>
          <p:cNvSpPr>
            <a:spLocks noGrp="1"/>
          </p:cNvSpPr>
          <p:nvPr>
            <p:ph type="body" sz="quarter" idx="20" hasCustomPrompt="1"/>
          </p:nvPr>
        </p:nvSpPr>
        <p:spPr>
          <a:xfrm>
            <a:off x="1617004" y="3586493"/>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14" name="Text Placeholder 25">
            <a:extLst>
              <a:ext uri="{FF2B5EF4-FFF2-40B4-BE49-F238E27FC236}">
                <a16:creationId xmlns:a16="http://schemas.microsoft.com/office/drawing/2014/main" id="{6E30352E-2C6C-F948-A26E-002F572B5EAF}"/>
              </a:ext>
            </a:extLst>
          </p:cNvPr>
          <p:cNvSpPr>
            <a:spLocks noGrp="1"/>
          </p:cNvSpPr>
          <p:nvPr>
            <p:ph type="body" sz="quarter" idx="21" hasCustomPrompt="1"/>
          </p:nvPr>
        </p:nvSpPr>
        <p:spPr>
          <a:xfrm>
            <a:off x="1076283" y="4297748"/>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4</a:t>
            </a:r>
          </a:p>
        </p:txBody>
      </p:sp>
      <p:sp>
        <p:nvSpPr>
          <p:cNvPr id="15" name="Text Placeholder 25">
            <a:extLst>
              <a:ext uri="{FF2B5EF4-FFF2-40B4-BE49-F238E27FC236}">
                <a16:creationId xmlns:a16="http://schemas.microsoft.com/office/drawing/2014/main" id="{C1F28CE5-D4AA-F644-B6D3-50C821922C49}"/>
              </a:ext>
            </a:extLst>
          </p:cNvPr>
          <p:cNvSpPr>
            <a:spLocks noGrp="1"/>
          </p:cNvSpPr>
          <p:nvPr>
            <p:ph type="body" sz="quarter" idx="22" hasCustomPrompt="1"/>
          </p:nvPr>
        </p:nvSpPr>
        <p:spPr>
          <a:xfrm>
            <a:off x="1632766" y="4305170"/>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16" name="Text Placeholder 25">
            <a:extLst>
              <a:ext uri="{FF2B5EF4-FFF2-40B4-BE49-F238E27FC236}">
                <a16:creationId xmlns:a16="http://schemas.microsoft.com/office/drawing/2014/main" id="{DA1986C8-0784-F347-80CC-06E8FE497310}"/>
              </a:ext>
            </a:extLst>
          </p:cNvPr>
          <p:cNvSpPr>
            <a:spLocks noGrp="1"/>
          </p:cNvSpPr>
          <p:nvPr>
            <p:ph type="body" sz="quarter" idx="23" hasCustomPrompt="1"/>
          </p:nvPr>
        </p:nvSpPr>
        <p:spPr>
          <a:xfrm>
            <a:off x="1076287" y="5001581"/>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5</a:t>
            </a:r>
          </a:p>
        </p:txBody>
      </p:sp>
      <p:sp>
        <p:nvSpPr>
          <p:cNvPr id="17" name="Text Placeholder 25">
            <a:extLst>
              <a:ext uri="{FF2B5EF4-FFF2-40B4-BE49-F238E27FC236}">
                <a16:creationId xmlns:a16="http://schemas.microsoft.com/office/drawing/2014/main" id="{1641409C-5F79-904A-9F21-BDAF9944CC7C}"/>
              </a:ext>
            </a:extLst>
          </p:cNvPr>
          <p:cNvSpPr>
            <a:spLocks noGrp="1"/>
          </p:cNvSpPr>
          <p:nvPr>
            <p:ph type="body" sz="quarter" idx="24" hasCustomPrompt="1"/>
          </p:nvPr>
        </p:nvSpPr>
        <p:spPr>
          <a:xfrm>
            <a:off x="1632770" y="5009003"/>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18" name="Text Placeholder 25">
            <a:extLst>
              <a:ext uri="{FF2B5EF4-FFF2-40B4-BE49-F238E27FC236}">
                <a16:creationId xmlns:a16="http://schemas.microsoft.com/office/drawing/2014/main" id="{76E48AE2-617A-1E49-88B4-474FADED7483}"/>
              </a:ext>
            </a:extLst>
          </p:cNvPr>
          <p:cNvSpPr>
            <a:spLocks noGrp="1"/>
          </p:cNvSpPr>
          <p:nvPr>
            <p:ph type="body" sz="quarter" idx="25" hasCustomPrompt="1"/>
          </p:nvPr>
        </p:nvSpPr>
        <p:spPr>
          <a:xfrm>
            <a:off x="1092049" y="5720258"/>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6</a:t>
            </a:r>
          </a:p>
        </p:txBody>
      </p:sp>
      <p:sp>
        <p:nvSpPr>
          <p:cNvPr id="19" name="Text Placeholder 25">
            <a:extLst>
              <a:ext uri="{FF2B5EF4-FFF2-40B4-BE49-F238E27FC236}">
                <a16:creationId xmlns:a16="http://schemas.microsoft.com/office/drawing/2014/main" id="{A1635B02-C58D-F447-95B0-4135DC38EB1F}"/>
              </a:ext>
            </a:extLst>
          </p:cNvPr>
          <p:cNvSpPr>
            <a:spLocks noGrp="1"/>
          </p:cNvSpPr>
          <p:nvPr>
            <p:ph type="body" sz="quarter" idx="26" hasCustomPrompt="1"/>
          </p:nvPr>
        </p:nvSpPr>
        <p:spPr>
          <a:xfrm>
            <a:off x="1648532" y="5727680"/>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20" name="Text Placeholder 25">
            <a:extLst>
              <a:ext uri="{FF2B5EF4-FFF2-40B4-BE49-F238E27FC236}">
                <a16:creationId xmlns:a16="http://schemas.microsoft.com/office/drawing/2014/main" id="{0A6BF27F-8993-A948-AD8D-0C33C3C49927}"/>
              </a:ext>
            </a:extLst>
          </p:cNvPr>
          <p:cNvSpPr>
            <a:spLocks noGrp="1"/>
          </p:cNvSpPr>
          <p:nvPr>
            <p:ph type="body" sz="quarter" idx="27" hasCustomPrompt="1"/>
          </p:nvPr>
        </p:nvSpPr>
        <p:spPr>
          <a:xfrm>
            <a:off x="1092049" y="6431513"/>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7</a:t>
            </a:r>
          </a:p>
        </p:txBody>
      </p:sp>
      <p:sp>
        <p:nvSpPr>
          <p:cNvPr id="21" name="Text Placeholder 25">
            <a:extLst>
              <a:ext uri="{FF2B5EF4-FFF2-40B4-BE49-F238E27FC236}">
                <a16:creationId xmlns:a16="http://schemas.microsoft.com/office/drawing/2014/main" id="{8BF5859A-6924-E44D-9CDA-8C2392237D29}"/>
              </a:ext>
            </a:extLst>
          </p:cNvPr>
          <p:cNvSpPr>
            <a:spLocks noGrp="1"/>
          </p:cNvSpPr>
          <p:nvPr>
            <p:ph type="body" sz="quarter" idx="28" hasCustomPrompt="1"/>
          </p:nvPr>
        </p:nvSpPr>
        <p:spPr>
          <a:xfrm>
            <a:off x="1648532" y="6438935"/>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22" name="Text Placeholder 25">
            <a:extLst>
              <a:ext uri="{FF2B5EF4-FFF2-40B4-BE49-F238E27FC236}">
                <a16:creationId xmlns:a16="http://schemas.microsoft.com/office/drawing/2014/main" id="{ACF99E6C-32BB-CF4E-9411-06C081971839}"/>
              </a:ext>
            </a:extLst>
          </p:cNvPr>
          <p:cNvSpPr>
            <a:spLocks noGrp="1"/>
          </p:cNvSpPr>
          <p:nvPr>
            <p:ph type="body" sz="quarter" idx="29" hasCustomPrompt="1"/>
          </p:nvPr>
        </p:nvSpPr>
        <p:spPr>
          <a:xfrm>
            <a:off x="1107811" y="7150190"/>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8</a:t>
            </a:r>
          </a:p>
        </p:txBody>
      </p:sp>
      <p:sp>
        <p:nvSpPr>
          <p:cNvPr id="23" name="Text Placeholder 25">
            <a:extLst>
              <a:ext uri="{FF2B5EF4-FFF2-40B4-BE49-F238E27FC236}">
                <a16:creationId xmlns:a16="http://schemas.microsoft.com/office/drawing/2014/main" id="{4E11F4B3-E482-C14E-ADA2-002B0EAFC885}"/>
              </a:ext>
            </a:extLst>
          </p:cNvPr>
          <p:cNvSpPr>
            <a:spLocks noGrp="1"/>
          </p:cNvSpPr>
          <p:nvPr>
            <p:ph type="body" sz="quarter" idx="30" hasCustomPrompt="1"/>
          </p:nvPr>
        </p:nvSpPr>
        <p:spPr>
          <a:xfrm>
            <a:off x="1664294" y="7157612"/>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 </a:t>
            </a:r>
          </a:p>
        </p:txBody>
      </p:sp>
      <p:cxnSp>
        <p:nvCxnSpPr>
          <p:cNvPr id="28" name="Straight Connector 27">
            <a:extLst>
              <a:ext uri="{FF2B5EF4-FFF2-40B4-BE49-F238E27FC236}">
                <a16:creationId xmlns:a16="http://schemas.microsoft.com/office/drawing/2014/main" id="{FD27CC1B-C654-184F-9676-0CC3BDFE508A}"/>
              </a:ext>
            </a:extLst>
          </p:cNvPr>
          <p:cNvCxnSpPr>
            <a:cxnSpLocks/>
          </p:cNvCxnSpPr>
          <p:nvPr userDrawn="1"/>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29" name="Slide Number Placeholder 5">
            <a:extLst>
              <a:ext uri="{FF2B5EF4-FFF2-40B4-BE49-F238E27FC236}">
                <a16:creationId xmlns:a16="http://schemas.microsoft.com/office/drawing/2014/main" id="{27AFEE40-1C74-7344-AC3C-2F3A1BAFBBF0}"/>
              </a:ext>
            </a:extLst>
          </p:cNvPr>
          <p:cNvSpPr txBox="1">
            <a:spLocks/>
          </p:cNvSpPr>
          <p:nvPr userDrawn="1"/>
        </p:nvSpPr>
        <p:spPr>
          <a:xfrm>
            <a:off x="7004048" y="10295018"/>
            <a:ext cx="357598" cy="266594"/>
          </a:xfrm>
          <a:prstGeom prst="rect">
            <a:avLst/>
          </a:prstGeom>
        </p:spPr>
        <p:txBody>
          <a:bodyPr vert="horz" lIns="91440" tIns="45720" rIns="91440" bIns="45720" rtlCol="0" anchor="ctr"/>
          <a:lstStyle>
            <a:defPPr>
              <a:defRPr lang="en-US"/>
            </a:defPPr>
            <a:lvl1pPr marL="0" algn="ctr" defTabSz="325892" rtl="0" eaLnBrk="1" latinLnBrk="0" hangingPunct="1">
              <a:defRPr sz="900" b="0" i="0" kern="1200">
                <a:solidFill>
                  <a:schemeClr val="bg1">
                    <a:lumMod val="50000"/>
                  </a:schemeClr>
                </a:solidFill>
                <a:latin typeface="Calibri" panose="020F0502020204030204" pitchFamily="34" charset="0"/>
                <a:ea typeface="+mn-ea"/>
                <a:cs typeface="Calibri" panose="020F0502020204030204" pitchFamily="34" charset="0"/>
              </a:defRPr>
            </a:lvl1pPr>
            <a:lvl2pPr marL="325892" algn="l" defTabSz="325892" rtl="0" eaLnBrk="1" latinLnBrk="0" hangingPunct="1">
              <a:defRPr sz="1283" kern="1200">
                <a:solidFill>
                  <a:schemeClr val="tx1"/>
                </a:solidFill>
                <a:latin typeface="+mn-lt"/>
                <a:ea typeface="+mn-ea"/>
                <a:cs typeface="+mn-cs"/>
              </a:defRPr>
            </a:lvl2pPr>
            <a:lvl3pPr marL="651784" algn="l" defTabSz="325892" rtl="0" eaLnBrk="1" latinLnBrk="0" hangingPunct="1">
              <a:defRPr sz="1283" kern="1200">
                <a:solidFill>
                  <a:schemeClr val="tx1"/>
                </a:solidFill>
                <a:latin typeface="+mn-lt"/>
                <a:ea typeface="+mn-ea"/>
                <a:cs typeface="+mn-cs"/>
              </a:defRPr>
            </a:lvl3pPr>
            <a:lvl4pPr marL="977676" algn="l" defTabSz="325892" rtl="0" eaLnBrk="1" latinLnBrk="0" hangingPunct="1">
              <a:defRPr sz="1283" kern="1200">
                <a:solidFill>
                  <a:schemeClr val="tx1"/>
                </a:solidFill>
                <a:latin typeface="+mn-lt"/>
                <a:ea typeface="+mn-ea"/>
                <a:cs typeface="+mn-cs"/>
              </a:defRPr>
            </a:lvl4pPr>
            <a:lvl5pPr marL="1303569" algn="l" defTabSz="325892" rtl="0" eaLnBrk="1" latinLnBrk="0" hangingPunct="1">
              <a:defRPr sz="1283" kern="1200">
                <a:solidFill>
                  <a:schemeClr val="tx1"/>
                </a:solidFill>
                <a:latin typeface="+mn-lt"/>
                <a:ea typeface="+mn-ea"/>
                <a:cs typeface="+mn-cs"/>
              </a:defRPr>
            </a:lvl5pPr>
            <a:lvl6pPr marL="1629461" algn="l" defTabSz="325892" rtl="0" eaLnBrk="1" latinLnBrk="0" hangingPunct="1">
              <a:defRPr sz="1283" kern="1200">
                <a:solidFill>
                  <a:schemeClr val="tx1"/>
                </a:solidFill>
                <a:latin typeface="+mn-lt"/>
                <a:ea typeface="+mn-ea"/>
                <a:cs typeface="+mn-cs"/>
              </a:defRPr>
            </a:lvl6pPr>
            <a:lvl7pPr marL="1955353" algn="l" defTabSz="325892" rtl="0" eaLnBrk="1" latinLnBrk="0" hangingPunct="1">
              <a:defRPr sz="1283" kern="1200">
                <a:solidFill>
                  <a:schemeClr val="tx1"/>
                </a:solidFill>
                <a:latin typeface="+mn-lt"/>
                <a:ea typeface="+mn-ea"/>
                <a:cs typeface="+mn-cs"/>
              </a:defRPr>
            </a:lvl7pPr>
            <a:lvl8pPr marL="2281245" algn="l" defTabSz="325892" rtl="0" eaLnBrk="1" latinLnBrk="0" hangingPunct="1">
              <a:defRPr sz="1283" kern="1200">
                <a:solidFill>
                  <a:schemeClr val="tx1"/>
                </a:solidFill>
                <a:latin typeface="+mn-lt"/>
                <a:ea typeface="+mn-ea"/>
                <a:cs typeface="+mn-cs"/>
              </a:defRPr>
            </a:lvl8pPr>
            <a:lvl9pPr marL="2607137" algn="l" defTabSz="325892" rtl="0" eaLnBrk="1" latinLnBrk="0" hangingPunct="1">
              <a:defRPr sz="1283" kern="1200">
                <a:solidFill>
                  <a:schemeClr val="tx1"/>
                </a:solidFill>
                <a:latin typeface="+mn-lt"/>
                <a:ea typeface="+mn-ea"/>
                <a:cs typeface="+mn-cs"/>
              </a:defRPr>
            </a:lvl9pPr>
          </a:lstStyle>
          <a:p>
            <a:fld id="{CB2079F2-58AF-ED44-82D7-E04B2F6FD686}" type="slidenum">
              <a:rPr lang="en-US" sz="1000" smtClean="0">
                <a:solidFill>
                  <a:srgbClr val="F26B4D"/>
                </a:solidFill>
              </a:rPr>
              <a:pPr/>
              <a:t>‹#›</a:t>
            </a:fld>
            <a:endParaRPr lang="en-US" sz="1000" dirty="0">
              <a:solidFill>
                <a:srgbClr val="F26B4D"/>
              </a:solidFill>
            </a:endParaRPr>
          </a:p>
        </p:txBody>
      </p:sp>
      <p:sp>
        <p:nvSpPr>
          <p:cNvPr id="27" name="Text Placeholder 25">
            <a:extLst>
              <a:ext uri="{FF2B5EF4-FFF2-40B4-BE49-F238E27FC236}">
                <a16:creationId xmlns:a16="http://schemas.microsoft.com/office/drawing/2014/main" id="{634C37CA-21E4-274C-A159-A300999FEFBF}"/>
              </a:ext>
            </a:extLst>
          </p:cNvPr>
          <p:cNvSpPr>
            <a:spLocks noGrp="1"/>
          </p:cNvSpPr>
          <p:nvPr>
            <p:ph type="body" sz="quarter" idx="32" hasCustomPrompt="1"/>
          </p:nvPr>
        </p:nvSpPr>
        <p:spPr>
          <a:xfrm>
            <a:off x="1773598" y="10175681"/>
            <a:ext cx="4718277"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r>
              <a:rPr lang="et-EE" b="1"/>
              <a:t>Pedagoogiline juhend digitaalse kodanikuosaluse õpetamiseks (IO3)</a:t>
            </a:r>
            <a:endParaRPr lang="en-LB"/>
          </a:p>
        </p:txBody>
      </p:sp>
      <p:grpSp>
        <p:nvGrpSpPr>
          <p:cNvPr id="31" name="Group 30">
            <a:extLst>
              <a:ext uri="{FF2B5EF4-FFF2-40B4-BE49-F238E27FC236}">
                <a16:creationId xmlns:a16="http://schemas.microsoft.com/office/drawing/2014/main" id="{8BD70DD2-E166-604C-8EFC-020341811DDD}"/>
              </a:ext>
            </a:extLst>
          </p:cNvPr>
          <p:cNvGrpSpPr/>
          <p:nvPr userDrawn="1"/>
        </p:nvGrpSpPr>
        <p:grpSpPr>
          <a:xfrm rot="16200000">
            <a:off x="5968100" y="2142365"/>
            <a:ext cx="2110356" cy="1072793"/>
            <a:chOff x="10857600" y="6178622"/>
            <a:chExt cx="1334400" cy="678338"/>
          </a:xfrm>
        </p:grpSpPr>
        <p:pic>
          <p:nvPicPr>
            <p:cNvPr id="32" name="Picture 31" descr="Icon&#10;&#10;Description automatically generated">
              <a:extLst>
                <a:ext uri="{FF2B5EF4-FFF2-40B4-BE49-F238E27FC236}">
                  <a16:creationId xmlns:a16="http://schemas.microsoft.com/office/drawing/2014/main" id="{7459E3EC-B5DA-1849-9C5B-B39D29E699F2}"/>
                </a:ext>
              </a:extLst>
            </p:cNvPr>
            <p:cNvPicPr>
              <a:picLocks noChangeAspect="1"/>
            </p:cNvPicPr>
            <p:nvPr userDrawn="1"/>
          </p:nvPicPr>
          <p:blipFill>
            <a:blip r:embed="rId2"/>
            <a:stretch>
              <a:fillRect/>
            </a:stretch>
          </p:blipFill>
          <p:spPr>
            <a:xfrm>
              <a:off x="11133132" y="6178622"/>
              <a:ext cx="1058868" cy="678338"/>
            </a:xfrm>
            <a:prstGeom prst="rect">
              <a:avLst/>
            </a:prstGeom>
          </p:spPr>
        </p:pic>
        <p:pic>
          <p:nvPicPr>
            <p:cNvPr id="33" name="Picture 32" descr="A picture containing text, sign, tableware, plate&#10;&#10;Description automatically generated">
              <a:extLst>
                <a:ext uri="{FF2B5EF4-FFF2-40B4-BE49-F238E27FC236}">
                  <a16:creationId xmlns:a16="http://schemas.microsoft.com/office/drawing/2014/main" id="{007E9721-90AA-E34E-8FFD-E4B9F17F34AA}"/>
                </a:ext>
              </a:extLst>
            </p:cNvPr>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a:off x="10857600" y="6218244"/>
              <a:ext cx="1080400" cy="315277"/>
            </a:xfrm>
            <a:prstGeom prst="rect">
              <a:avLst/>
            </a:prstGeom>
          </p:spPr>
        </p:pic>
      </p:grpSp>
      <p:grpSp>
        <p:nvGrpSpPr>
          <p:cNvPr id="50" name="Graphic 48">
            <a:extLst>
              <a:ext uri="{FF2B5EF4-FFF2-40B4-BE49-F238E27FC236}">
                <a16:creationId xmlns:a16="http://schemas.microsoft.com/office/drawing/2014/main" id="{212A8EEE-59FC-5C4B-B860-C3F46145F6C0}"/>
              </a:ext>
            </a:extLst>
          </p:cNvPr>
          <p:cNvGrpSpPr/>
          <p:nvPr/>
        </p:nvGrpSpPr>
        <p:grpSpPr>
          <a:xfrm>
            <a:off x="6421152" y="10341404"/>
            <a:ext cx="518804" cy="187825"/>
            <a:chOff x="80265" y="4007987"/>
            <a:chExt cx="7398066" cy="2678353"/>
          </a:xfrm>
          <a:solidFill>
            <a:srgbClr val="7FCCC7"/>
          </a:solidFill>
        </p:grpSpPr>
        <p:sp>
          <p:nvSpPr>
            <p:cNvPr id="51" name="Freeform 50">
              <a:extLst>
                <a:ext uri="{FF2B5EF4-FFF2-40B4-BE49-F238E27FC236}">
                  <a16:creationId xmlns:a16="http://schemas.microsoft.com/office/drawing/2014/main" id="{C3835D37-AAA2-4547-A4EA-8AE63B8D735E}"/>
                </a:ext>
              </a:extLst>
            </p:cNvPr>
            <p:cNvSpPr/>
            <p:nvPr/>
          </p:nvSpPr>
          <p:spPr>
            <a:xfrm>
              <a:off x="5646771" y="4007987"/>
              <a:ext cx="1831560" cy="2678353"/>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grpFill/>
            <a:ln w="8971" cap="flat">
              <a:noFill/>
              <a:prstDash val="solid"/>
              <a:miter/>
            </a:ln>
          </p:spPr>
          <p:txBody>
            <a:bodyPr rtlCol="0" anchor="ctr"/>
            <a:lstStyle/>
            <a:p>
              <a:endParaRPr lang="en-RU"/>
            </a:p>
          </p:txBody>
        </p:sp>
        <p:sp>
          <p:nvSpPr>
            <p:cNvPr id="52" name="Freeform 51">
              <a:extLst>
                <a:ext uri="{FF2B5EF4-FFF2-40B4-BE49-F238E27FC236}">
                  <a16:creationId xmlns:a16="http://schemas.microsoft.com/office/drawing/2014/main" id="{0DB7B773-383C-9940-B67F-84AF95F4EAFE}"/>
                </a:ext>
              </a:extLst>
            </p:cNvPr>
            <p:cNvSpPr/>
            <p:nvPr/>
          </p:nvSpPr>
          <p:spPr>
            <a:xfrm>
              <a:off x="37943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53" name="Freeform 52">
              <a:extLst>
                <a:ext uri="{FF2B5EF4-FFF2-40B4-BE49-F238E27FC236}">
                  <a16:creationId xmlns:a16="http://schemas.microsoft.com/office/drawing/2014/main" id="{E464291A-FEE7-1443-B098-A0D4FE0EA21A}"/>
                </a:ext>
              </a:extLst>
            </p:cNvPr>
            <p:cNvSpPr/>
            <p:nvPr/>
          </p:nvSpPr>
          <p:spPr>
            <a:xfrm>
              <a:off x="19420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54" name="Freeform 53">
              <a:extLst>
                <a:ext uri="{FF2B5EF4-FFF2-40B4-BE49-F238E27FC236}">
                  <a16:creationId xmlns:a16="http://schemas.microsoft.com/office/drawing/2014/main" id="{9358865B-5EE4-E847-B865-E79F05964FF3}"/>
                </a:ext>
              </a:extLst>
            </p:cNvPr>
            <p:cNvSpPr/>
            <p:nvPr/>
          </p:nvSpPr>
          <p:spPr>
            <a:xfrm>
              <a:off x="80265" y="4007987"/>
              <a:ext cx="1831649" cy="2678353"/>
            </a:xfrm>
            <a:custGeom>
              <a:avLst/>
              <a:gdLst>
                <a:gd name="connsiteX0" fmla="*/ 1831650 w 1831649"/>
                <a:gd name="connsiteY0" fmla="*/ 1339177 h 2678353"/>
                <a:gd name="connsiteX1" fmla="*/ 0 w 1831649"/>
                <a:gd name="connsiteY1" fmla="*/ 0 h 2678353"/>
                <a:gd name="connsiteX2" fmla="*/ 0 w 1831649"/>
                <a:gd name="connsiteY2" fmla="*/ 2678354 h 2678353"/>
              </a:gdLst>
              <a:ahLst/>
              <a:cxnLst>
                <a:cxn ang="0">
                  <a:pos x="connsiteX0" y="connsiteY0"/>
                </a:cxn>
                <a:cxn ang="0">
                  <a:pos x="connsiteX1" y="connsiteY1"/>
                </a:cxn>
                <a:cxn ang="0">
                  <a:pos x="connsiteX2" y="connsiteY2"/>
                </a:cxn>
              </a:cxnLst>
              <a:rect l="l" t="t" r="r" b="b"/>
              <a:pathLst>
                <a:path w="1831649"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grpSp>
    </p:spTree>
    <p:extLst>
      <p:ext uri="{BB962C8B-B14F-4D97-AF65-F5344CB8AC3E}">
        <p14:creationId xmlns:p14="http://schemas.microsoft.com/office/powerpoint/2010/main" val="389151719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Divider">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97010853-CA14-B644-B147-ABDDA35BADA6}"/>
              </a:ext>
            </a:extLst>
          </p:cNvPr>
          <p:cNvSpPr/>
          <p:nvPr userDrawn="1"/>
        </p:nvSpPr>
        <p:spPr>
          <a:xfrm>
            <a:off x="3779837" y="0"/>
            <a:ext cx="3779838" cy="10691813"/>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nvGrpSpPr>
          <p:cNvPr id="9" name="Graphic 48">
            <a:extLst>
              <a:ext uri="{FF2B5EF4-FFF2-40B4-BE49-F238E27FC236}">
                <a16:creationId xmlns:a16="http://schemas.microsoft.com/office/drawing/2014/main" id="{661AEC97-DE87-3243-A26F-F3B6436AF5B1}"/>
              </a:ext>
            </a:extLst>
          </p:cNvPr>
          <p:cNvGrpSpPr/>
          <p:nvPr userDrawn="1"/>
        </p:nvGrpSpPr>
        <p:grpSpPr>
          <a:xfrm>
            <a:off x="6421152" y="10341404"/>
            <a:ext cx="518804" cy="187825"/>
            <a:chOff x="80265" y="4007987"/>
            <a:chExt cx="7398066" cy="2678353"/>
          </a:xfrm>
          <a:solidFill>
            <a:srgbClr val="FBF7EF"/>
          </a:solidFill>
        </p:grpSpPr>
        <p:sp>
          <p:nvSpPr>
            <p:cNvPr id="10" name="Freeform 9">
              <a:extLst>
                <a:ext uri="{FF2B5EF4-FFF2-40B4-BE49-F238E27FC236}">
                  <a16:creationId xmlns:a16="http://schemas.microsoft.com/office/drawing/2014/main" id="{5B1516D5-DA27-9549-A7EB-7521F3EE0622}"/>
                </a:ext>
              </a:extLst>
            </p:cNvPr>
            <p:cNvSpPr/>
            <p:nvPr/>
          </p:nvSpPr>
          <p:spPr>
            <a:xfrm>
              <a:off x="5646771" y="4007987"/>
              <a:ext cx="1831560" cy="2678353"/>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grpFill/>
            <a:ln w="8971" cap="flat">
              <a:noFill/>
              <a:prstDash val="solid"/>
              <a:miter/>
            </a:ln>
          </p:spPr>
          <p:txBody>
            <a:bodyPr rtlCol="0" anchor="ctr"/>
            <a:lstStyle/>
            <a:p>
              <a:endParaRPr lang="en-RU"/>
            </a:p>
          </p:txBody>
        </p:sp>
        <p:sp>
          <p:nvSpPr>
            <p:cNvPr id="11" name="Freeform 10">
              <a:extLst>
                <a:ext uri="{FF2B5EF4-FFF2-40B4-BE49-F238E27FC236}">
                  <a16:creationId xmlns:a16="http://schemas.microsoft.com/office/drawing/2014/main" id="{EF398D9A-43E7-4D46-B06E-DCF3550BE48C}"/>
                </a:ext>
              </a:extLst>
            </p:cNvPr>
            <p:cNvSpPr/>
            <p:nvPr/>
          </p:nvSpPr>
          <p:spPr>
            <a:xfrm>
              <a:off x="37943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2" name="Freeform 11">
              <a:extLst>
                <a:ext uri="{FF2B5EF4-FFF2-40B4-BE49-F238E27FC236}">
                  <a16:creationId xmlns:a16="http://schemas.microsoft.com/office/drawing/2014/main" id="{9407EF34-33DF-BA46-AB68-2F90B25C62B6}"/>
                </a:ext>
              </a:extLst>
            </p:cNvPr>
            <p:cNvSpPr/>
            <p:nvPr/>
          </p:nvSpPr>
          <p:spPr>
            <a:xfrm>
              <a:off x="19420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B9178625-0778-654C-A69A-029032C617AC}"/>
                </a:ext>
              </a:extLst>
            </p:cNvPr>
            <p:cNvSpPr/>
            <p:nvPr/>
          </p:nvSpPr>
          <p:spPr>
            <a:xfrm>
              <a:off x="80265" y="4007987"/>
              <a:ext cx="1831649" cy="2678353"/>
            </a:xfrm>
            <a:custGeom>
              <a:avLst/>
              <a:gdLst>
                <a:gd name="connsiteX0" fmla="*/ 1831650 w 1831649"/>
                <a:gd name="connsiteY0" fmla="*/ 1339177 h 2678353"/>
                <a:gd name="connsiteX1" fmla="*/ 0 w 1831649"/>
                <a:gd name="connsiteY1" fmla="*/ 0 h 2678353"/>
                <a:gd name="connsiteX2" fmla="*/ 0 w 1831649"/>
                <a:gd name="connsiteY2" fmla="*/ 2678354 h 2678353"/>
              </a:gdLst>
              <a:ahLst/>
              <a:cxnLst>
                <a:cxn ang="0">
                  <a:pos x="connsiteX0" y="connsiteY0"/>
                </a:cxn>
                <a:cxn ang="0">
                  <a:pos x="connsiteX1" y="connsiteY1"/>
                </a:cxn>
                <a:cxn ang="0">
                  <a:pos x="connsiteX2" y="connsiteY2"/>
                </a:cxn>
              </a:cxnLst>
              <a:rect l="l" t="t" r="r" b="b"/>
              <a:pathLst>
                <a:path w="1831649"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grpSp>
      <p:cxnSp>
        <p:nvCxnSpPr>
          <p:cNvPr id="15" name="Straight Connector 14">
            <a:extLst>
              <a:ext uri="{FF2B5EF4-FFF2-40B4-BE49-F238E27FC236}">
                <a16:creationId xmlns:a16="http://schemas.microsoft.com/office/drawing/2014/main" id="{D9F0D7CB-C6D1-7444-B559-DFFBB1ECFA27}"/>
              </a:ext>
            </a:extLst>
          </p:cNvPr>
          <p:cNvCxnSpPr>
            <a:cxnSpLocks/>
          </p:cNvCxnSpPr>
          <p:nvPr userDrawn="1"/>
        </p:nvCxnSpPr>
        <p:spPr>
          <a:xfrm flipV="1">
            <a:off x="596348" y="7235825"/>
            <a:ext cx="0" cy="3455989"/>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17" name="Picture Placeholder 16">
            <a:extLst>
              <a:ext uri="{FF2B5EF4-FFF2-40B4-BE49-F238E27FC236}">
                <a16:creationId xmlns:a16="http://schemas.microsoft.com/office/drawing/2014/main" id="{8142B68E-6C1D-914D-9B08-811019D690B4}"/>
              </a:ext>
            </a:extLst>
          </p:cNvPr>
          <p:cNvSpPr>
            <a:spLocks noGrp="1"/>
          </p:cNvSpPr>
          <p:nvPr>
            <p:ph type="pic" sz="quarter" idx="10"/>
          </p:nvPr>
        </p:nvSpPr>
        <p:spPr>
          <a:xfrm>
            <a:off x="0" y="2941638"/>
            <a:ext cx="7559675" cy="4294187"/>
          </a:xfrm>
        </p:spPr>
        <p:txBody>
          <a:bodyPr>
            <a:normAutofit/>
          </a:bodyPr>
          <a:lstStyle>
            <a:lvl1pPr>
              <a:defRPr sz="1800"/>
            </a:lvl1pPr>
          </a:lstStyle>
          <a:p>
            <a:endParaRPr lang="en-RU"/>
          </a:p>
        </p:txBody>
      </p:sp>
      <p:sp>
        <p:nvSpPr>
          <p:cNvPr id="20" name="Rectangle 19">
            <a:extLst>
              <a:ext uri="{FF2B5EF4-FFF2-40B4-BE49-F238E27FC236}">
                <a16:creationId xmlns:a16="http://schemas.microsoft.com/office/drawing/2014/main" id="{378EF6D8-94C8-D343-9B33-0A67AB966159}"/>
              </a:ext>
            </a:extLst>
          </p:cNvPr>
          <p:cNvSpPr/>
          <p:nvPr userDrawn="1"/>
        </p:nvSpPr>
        <p:spPr>
          <a:xfrm>
            <a:off x="2146852" y="2327063"/>
            <a:ext cx="4793104"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9" name="Text Placeholder 25">
            <a:extLst>
              <a:ext uri="{FF2B5EF4-FFF2-40B4-BE49-F238E27FC236}">
                <a16:creationId xmlns:a16="http://schemas.microsoft.com/office/drawing/2014/main" id="{BE38B1D3-76FF-8142-AB86-24EA6FAAF723}"/>
              </a:ext>
            </a:extLst>
          </p:cNvPr>
          <p:cNvSpPr>
            <a:spLocks noGrp="1"/>
          </p:cNvSpPr>
          <p:nvPr>
            <p:ph type="body" sz="quarter" idx="14" hasCustomPrompt="1"/>
          </p:nvPr>
        </p:nvSpPr>
        <p:spPr>
          <a:xfrm>
            <a:off x="2146852" y="2305879"/>
            <a:ext cx="4753348" cy="635759"/>
          </a:xfrm>
        </p:spPr>
        <p:txBody>
          <a:bodyPr anchor="ctr">
            <a:noAutofit/>
          </a:bodyPr>
          <a:lstStyle>
            <a:lvl1pPr marL="0" indent="0" algn="l">
              <a:buNone/>
              <a:defRPr sz="3300" baseline="0">
                <a:solidFill>
                  <a:schemeClr val="bg1"/>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HEADING</a:t>
            </a:r>
          </a:p>
        </p:txBody>
      </p:sp>
    </p:spTree>
    <p:extLst>
      <p:ext uri="{BB962C8B-B14F-4D97-AF65-F5344CB8AC3E}">
        <p14:creationId xmlns:p14="http://schemas.microsoft.com/office/powerpoint/2010/main" val="6418326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Text Slide 1">
    <p:spTree>
      <p:nvGrpSpPr>
        <p:cNvPr id="1" name=""/>
        <p:cNvGrpSpPr/>
        <p:nvPr/>
      </p:nvGrpSpPr>
      <p:grpSpPr>
        <a:xfrm>
          <a:off x="0" y="0"/>
          <a:ext cx="0" cy="0"/>
          <a:chOff x="0" y="0"/>
          <a:chExt cx="0" cy="0"/>
        </a:xfrm>
      </p:grpSpPr>
      <p:sp>
        <p:nvSpPr>
          <p:cNvPr id="7" name="Slide Number Placeholder 5">
            <a:extLst>
              <a:ext uri="{FF2B5EF4-FFF2-40B4-BE49-F238E27FC236}">
                <a16:creationId xmlns:a16="http://schemas.microsoft.com/office/drawing/2014/main" id="{E0DCA6F5-C235-8142-8524-099330AB3EC5}"/>
              </a:ext>
            </a:extLst>
          </p:cNvPr>
          <p:cNvSpPr txBox="1">
            <a:spLocks/>
          </p:cNvSpPr>
          <p:nvPr userDrawn="1"/>
        </p:nvSpPr>
        <p:spPr>
          <a:xfrm>
            <a:off x="7004048" y="10295018"/>
            <a:ext cx="357598" cy="266594"/>
          </a:xfrm>
          <a:prstGeom prst="rect">
            <a:avLst/>
          </a:prstGeom>
        </p:spPr>
        <p:txBody>
          <a:bodyPr vert="horz" lIns="91440" tIns="45720" rIns="91440" bIns="45720" rtlCol="0" anchor="ctr"/>
          <a:lstStyle>
            <a:defPPr>
              <a:defRPr lang="en-US"/>
            </a:defPPr>
            <a:lvl1pPr marL="0" algn="ctr" defTabSz="325892" rtl="0" eaLnBrk="1" latinLnBrk="0" hangingPunct="1">
              <a:defRPr sz="900" b="0" i="0" kern="1200">
                <a:solidFill>
                  <a:schemeClr val="bg1">
                    <a:lumMod val="50000"/>
                  </a:schemeClr>
                </a:solidFill>
                <a:latin typeface="Calibri" panose="020F0502020204030204" pitchFamily="34" charset="0"/>
                <a:ea typeface="+mn-ea"/>
                <a:cs typeface="Calibri" panose="020F0502020204030204" pitchFamily="34" charset="0"/>
              </a:defRPr>
            </a:lvl1pPr>
            <a:lvl2pPr marL="325892" algn="l" defTabSz="325892" rtl="0" eaLnBrk="1" latinLnBrk="0" hangingPunct="1">
              <a:defRPr sz="1283" kern="1200">
                <a:solidFill>
                  <a:schemeClr val="tx1"/>
                </a:solidFill>
                <a:latin typeface="+mn-lt"/>
                <a:ea typeface="+mn-ea"/>
                <a:cs typeface="+mn-cs"/>
              </a:defRPr>
            </a:lvl2pPr>
            <a:lvl3pPr marL="651784" algn="l" defTabSz="325892" rtl="0" eaLnBrk="1" latinLnBrk="0" hangingPunct="1">
              <a:defRPr sz="1283" kern="1200">
                <a:solidFill>
                  <a:schemeClr val="tx1"/>
                </a:solidFill>
                <a:latin typeface="+mn-lt"/>
                <a:ea typeface="+mn-ea"/>
                <a:cs typeface="+mn-cs"/>
              </a:defRPr>
            </a:lvl3pPr>
            <a:lvl4pPr marL="977676" algn="l" defTabSz="325892" rtl="0" eaLnBrk="1" latinLnBrk="0" hangingPunct="1">
              <a:defRPr sz="1283" kern="1200">
                <a:solidFill>
                  <a:schemeClr val="tx1"/>
                </a:solidFill>
                <a:latin typeface="+mn-lt"/>
                <a:ea typeface="+mn-ea"/>
                <a:cs typeface="+mn-cs"/>
              </a:defRPr>
            </a:lvl4pPr>
            <a:lvl5pPr marL="1303569" algn="l" defTabSz="325892" rtl="0" eaLnBrk="1" latinLnBrk="0" hangingPunct="1">
              <a:defRPr sz="1283" kern="1200">
                <a:solidFill>
                  <a:schemeClr val="tx1"/>
                </a:solidFill>
                <a:latin typeface="+mn-lt"/>
                <a:ea typeface="+mn-ea"/>
                <a:cs typeface="+mn-cs"/>
              </a:defRPr>
            </a:lvl5pPr>
            <a:lvl6pPr marL="1629461" algn="l" defTabSz="325892" rtl="0" eaLnBrk="1" latinLnBrk="0" hangingPunct="1">
              <a:defRPr sz="1283" kern="1200">
                <a:solidFill>
                  <a:schemeClr val="tx1"/>
                </a:solidFill>
                <a:latin typeface="+mn-lt"/>
                <a:ea typeface="+mn-ea"/>
                <a:cs typeface="+mn-cs"/>
              </a:defRPr>
            </a:lvl6pPr>
            <a:lvl7pPr marL="1955353" algn="l" defTabSz="325892" rtl="0" eaLnBrk="1" latinLnBrk="0" hangingPunct="1">
              <a:defRPr sz="1283" kern="1200">
                <a:solidFill>
                  <a:schemeClr val="tx1"/>
                </a:solidFill>
                <a:latin typeface="+mn-lt"/>
                <a:ea typeface="+mn-ea"/>
                <a:cs typeface="+mn-cs"/>
              </a:defRPr>
            </a:lvl7pPr>
            <a:lvl8pPr marL="2281245" algn="l" defTabSz="325892" rtl="0" eaLnBrk="1" latinLnBrk="0" hangingPunct="1">
              <a:defRPr sz="1283" kern="1200">
                <a:solidFill>
                  <a:schemeClr val="tx1"/>
                </a:solidFill>
                <a:latin typeface="+mn-lt"/>
                <a:ea typeface="+mn-ea"/>
                <a:cs typeface="+mn-cs"/>
              </a:defRPr>
            </a:lvl8pPr>
            <a:lvl9pPr marL="2607137" algn="l" defTabSz="325892" rtl="0" eaLnBrk="1" latinLnBrk="0" hangingPunct="1">
              <a:defRPr sz="1283" kern="1200">
                <a:solidFill>
                  <a:schemeClr val="tx1"/>
                </a:solidFill>
                <a:latin typeface="+mn-lt"/>
                <a:ea typeface="+mn-ea"/>
                <a:cs typeface="+mn-cs"/>
              </a:defRPr>
            </a:lvl9pPr>
          </a:lstStyle>
          <a:p>
            <a:fld id="{CB2079F2-58AF-ED44-82D7-E04B2F6FD686}" type="slidenum">
              <a:rPr lang="en-US" sz="1000" smtClean="0">
                <a:solidFill>
                  <a:srgbClr val="F26B4D"/>
                </a:solidFill>
              </a:rPr>
              <a:pPr/>
              <a:t>‹#›</a:t>
            </a:fld>
            <a:endParaRPr lang="en-US" sz="1000" dirty="0">
              <a:solidFill>
                <a:srgbClr val="F26B4D"/>
              </a:solidFill>
            </a:endParaRPr>
          </a:p>
        </p:txBody>
      </p:sp>
      <p:grpSp>
        <p:nvGrpSpPr>
          <p:cNvPr id="9" name="Graphic 48">
            <a:extLst>
              <a:ext uri="{FF2B5EF4-FFF2-40B4-BE49-F238E27FC236}">
                <a16:creationId xmlns:a16="http://schemas.microsoft.com/office/drawing/2014/main" id="{59242505-4017-6640-AF45-CC6CC0F640FD}"/>
              </a:ext>
            </a:extLst>
          </p:cNvPr>
          <p:cNvGrpSpPr/>
          <p:nvPr userDrawn="1"/>
        </p:nvGrpSpPr>
        <p:grpSpPr>
          <a:xfrm>
            <a:off x="6421152" y="10341404"/>
            <a:ext cx="518804" cy="187825"/>
            <a:chOff x="80265" y="4007987"/>
            <a:chExt cx="7398066" cy="2678353"/>
          </a:xfrm>
          <a:solidFill>
            <a:srgbClr val="7FCCC7"/>
          </a:solidFill>
        </p:grpSpPr>
        <p:sp>
          <p:nvSpPr>
            <p:cNvPr id="10" name="Freeform 9">
              <a:extLst>
                <a:ext uri="{FF2B5EF4-FFF2-40B4-BE49-F238E27FC236}">
                  <a16:creationId xmlns:a16="http://schemas.microsoft.com/office/drawing/2014/main" id="{53949B69-CDDB-2D4F-8F41-E85C2CC0D03D}"/>
                </a:ext>
              </a:extLst>
            </p:cNvPr>
            <p:cNvSpPr/>
            <p:nvPr/>
          </p:nvSpPr>
          <p:spPr>
            <a:xfrm>
              <a:off x="5646771" y="4007987"/>
              <a:ext cx="1831560" cy="2678353"/>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grpFill/>
            <a:ln w="8971" cap="flat">
              <a:noFill/>
              <a:prstDash val="solid"/>
              <a:miter/>
            </a:ln>
          </p:spPr>
          <p:txBody>
            <a:bodyPr rtlCol="0" anchor="ctr"/>
            <a:lstStyle/>
            <a:p>
              <a:endParaRPr lang="en-RU"/>
            </a:p>
          </p:txBody>
        </p:sp>
        <p:sp>
          <p:nvSpPr>
            <p:cNvPr id="11" name="Freeform 10">
              <a:extLst>
                <a:ext uri="{FF2B5EF4-FFF2-40B4-BE49-F238E27FC236}">
                  <a16:creationId xmlns:a16="http://schemas.microsoft.com/office/drawing/2014/main" id="{140F0478-B06A-1D41-92B1-D172A3651D72}"/>
                </a:ext>
              </a:extLst>
            </p:cNvPr>
            <p:cNvSpPr/>
            <p:nvPr/>
          </p:nvSpPr>
          <p:spPr>
            <a:xfrm>
              <a:off x="37943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2" name="Freeform 11">
              <a:extLst>
                <a:ext uri="{FF2B5EF4-FFF2-40B4-BE49-F238E27FC236}">
                  <a16:creationId xmlns:a16="http://schemas.microsoft.com/office/drawing/2014/main" id="{BA94AF21-738D-EE44-BD8B-916306C611D8}"/>
                </a:ext>
              </a:extLst>
            </p:cNvPr>
            <p:cNvSpPr/>
            <p:nvPr/>
          </p:nvSpPr>
          <p:spPr>
            <a:xfrm>
              <a:off x="19420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B54277D4-2756-0B48-96F0-323808F5F60D}"/>
                </a:ext>
              </a:extLst>
            </p:cNvPr>
            <p:cNvSpPr/>
            <p:nvPr/>
          </p:nvSpPr>
          <p:spPr>
            <a:xfrm>
              <a:off x="80265" y="4007987"/>
              <a:ext cx="1831649" cy="2678353"/>
            </a:xfrm>
            <a:custGeom>
              <a:avLst/>
              <a:gdLst>
                <a:gd name="connsiteX0" fmla="*/ 1831650 w 1831649"/>
                <a:gd name="connsiteY0" fmla="*/ 1339177 h 2678353"/>
                <a:gd name="connsiteX1" fmla="*/ 0 w 1831649"/>
                <a:gd name="connsiteY1" fmla="*/ 0 h 2678353"/>
                <a:gd name="connsiteX2" fmla="*/ 0 w 1831649"/>
                <a:gd name="connsiteY2" fmla="*/ 2678354 h 2678353"/>
              </a:gdLst>
              <a:ahLst/>
              <a:cxnLst>
                <a:cxn ang="0">
                  <a:pos x="connsiteX0" y="connsiteY0"/>
                </a:cxn>
                <a:cxn ang="0">
                  <a:pos x="connsiteX1" y="connsiteY1"/>
                </a:cxn>
                <a:cxn ang="0">
                  <a:pos x="connsiteX2" y="connsiteY2"/>
                </a:cxn>
              </a:cxnLst>
              <a:rect l="l" t="t" r="r" b="b"/>
              <a:pathLst>
                <a:path w="1831649"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grpSp>
      <p:sp>
        <p:nvSpPr>
          <p:cNvPr id="14" name="Text Placeholder 25">
            <a:extLst>
              <a:ext uri="{FF2B5EF4-FFF2-40B4-BE49-F238E27FC236}">
                <a16:creationId xmlns:a16="http://schemas.microsoft.com/office/drawing/2014/main" id="{DF5A791B-68D5-9047-8D1E-15821D6BF52A}"/>
              </a:ext>
            </a:extLst>
          </p:cNvPr>
          <p:cNvSpPr>
            <a:spLocks noGrp="1"/>
          </p:cNvSpPr>
          <p:nvPr>
            <p:ph type="body" sz="quarter" idx="14" hasCustomPrompt="1"/>
          </p:nvPr>
        </p:nvSpPr>
        <p:spPr>
          <a:xfrm>
            <a:off x="539389" y="561746"/>
            <a:ext cx="6533982" cy="635759"/>
          </a:xfrm>
        </p:spPr>
        <p:txBody>
          <a:bodyPr anchor="ctr">
            <a:noAutofit/>
          </a:bodyPr>
          <a:lstStyle>
            <a:lvl1pPr marL="0" indent="0" algn="l">
              <a:buNone/>
              <a:defRPr sz="1800"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SUB HEADING</a:t>
            </a:r>
          </a:p>
        </p:txBody>
      </p:sp>
      <p:sp>
        <p:nvSpPr>
          <p:cNvPr id="16" name="Text Placeholder 25">
            <a:extLst>
              <a:ext uri="{FF2B5EF4-FFF2-40B4-BE49-F238E27FC236}">
                <a16:creationId xmlns:a16="http://schemas.microsoft.com/office/drawing/2014/main" id="{53349255-F0E3-9F45-8AA2-C9876D4F5708}"/>
              </a:ext>
            </a:extLst>
          </p:cNvPr>
          <p:cNvSpPr>
            <a:spLocks noGrp="1"/>
          </p:cNvSpPr>
          <p:nvPr>
            <p:ph type="body" sz="quarter" idx="33" hasCustomPrompt="1"/>
          </p:nvPr>
        </p:nvSpPr>
        <p:spPr>
          <a:xfrm>
            <a:off x="522456" y="1442279"/>
            <a:ext cx="6533982" cy="7955717"/>
          </a:xfrm>
        </p:spPr>
        <p:txBody>
          <a:bodyPr anchor="t">
            <a:noAutofit/>
          </a:bodyPr>
          <a:lstStyle>
            <a:lvl1pPr marL="0" indent="0" algn="just">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Text</a:t>
            </a:r>
          </a:p>
        </p:txBody>
      </p:sp>
      <p:cxnSp>
        <p:nvCxnSpPr>
          <p:cNvPr id="2" name="Straight Connector 1">
            <a:extLst>
              <a:ext uri="{FF2B5EF4-FFF2-40B4-BE49-F238E27FC236}">
                <a16:creationId xmlns:a16="http://schemas.microsoft.com/office/drawing/2014/main" id="{16E1EE56-7D6A-B806-EED6-8E5FAE34DAA9}"/>
              </a:ext>
            </a:extLst>
          </p:cNvPr>
          <p:cNvCxnSpPr>
            <a:cxnSpLocks/>
          </p:cNvCxnSpPr>
          <p:nvPr userDrawn="1"/>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3" name="Text Placeholder 25">
            <a:extLst>
              <a:ext uri="{FF2B5EF4-FFF2-40B4-BE49-F238E27FC236}">
                <a16:creationId xmlns:a16="http://schemas.microsoft.com/office/drawing/2014/main" id="{15462515-7518-A1E5-C55E-C6E72C2351E7}"/>
              </a:ext>
            </a:extLst>
          </p:cNvPr>
          <p:cNvSpPr>
            <a:spLocks noGrp="1"/>
          </p:cNvSpPr>
          <p:nvPr>
            <p:ph type="body" sz="quarter" idx="32" hasCustomPrompt="1"/>
          </p:nvPr>
        </p:nvSpPr>
        <p:spPr>
          <a:xfrm>
            <a:off x="1773598" y="10175681"/>
            <a:ext cx="4718277"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r>
              <a:rPr lang="et-EE" b="1"/>
              <a:t>Pedagoogiline juhend digitaalse kodanikuosaluse õpetamiseks (IO3)</a:t>
            </a:r>
            <a:endParaRPr lang="en-LB"/>
          </a:p>
        </p:txBody>
      </p:sp>
    </p:spTree>
    <p:extLst>
      <p:ext uri="{BB962C8B-B14F-4D97-AF65-F5344CB8AC3E}">
        <p14:creationId xmlns:p14="http://schemas.microsoft.com/office/powerpoint/2010/main" val="3797791234"/>
      </p:ext>
    </p:extLst>
  </p:cSld>
  <p:clrMapOvr>
    <a:masterClrMapping/>
  </p:clrMapOvr>
  <p:extLst>
    <p:ext uri="{DCECCB84-F9BA-43D5-87BE-67443E8EF086}">
      <p15:sldGuideLst xmlns:p15="http://schemas.microsoft.com/office/powerpoint/2012/main">
        <p15:guide id="1" orient="horz" pos="351" userDrawn="1">
          <p15:clr>
            <a:srgbClr val="FBAE40"/>
          </p15:clr>
        </p15:guide>
        <p15:guide id="2" pos="317" userDrawn="1">
          <p15:clr>
            <a:srgbClr val="FBAE40"/>
          </p15:clr>
        </p15:guide>
        <p15:guide id="3" pos="4445" userDrawn="1">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Text + Photo">
    <p:spTree>
      <p:nvGrpSpPr>
        <p:cNvPr id="1" name=""/>
        <p:cNvGrpSpPr/>
        <p:nvPr/>
      </p:nvGrpSpPr>
      <p:grpSpPr>
        <a:xfrm>
          <a:off x="0" y="0"/>
          <a:ext cx="0" cy="0"/>
          <a:chOff x="0" y="0"/>
          <a:chExt cx="0" cy="0"/>
        </a:xfrm>
      </p:grpSpPr>
      <p:sp>
        <p:nvSpPr>
          <p:cNvPr id="8" name="Picture Placeholder 7">
            <a:extLst>
              <a:ext uri="{FF2B5EF4-FFF2-40B4-BE49-F238E27FC236}">
                <a16:creationId xmlns:a16="http://schemas.microsoft.com/office/drawing/2014/main" id="{7086FE18-670A-4045-B851-B94ABC7D1535}"/>
              </a:ext>
            </a:extLst>
          </p:cNvPr>
          <p:cNvSpPr>
            <a:spLocks noGrp="1"/>
          </p:cNvSpPr>
          <p:nvPr>
            <p:ph type="pic" sz="quarter" idx="10"/>
          </p:nvPr>
        </p:nvSpPr>
        <p:spPr>
          <a:xfrm>
            <a:off x="0" y="7829550"/>
            <a:ext cx="7559675" cy="2300288"/>
          </a:xfrm>
        </p:spPr>
        <p:txBody>
          <a:bodyPr>
            <a:normAutofit/>
          </a:bodyPr>
          <a:lstStyle>
            <a:lvl1pPr>
              <a:defRPr sz="1800"/>
            </a:lvl1pPr>
          </a:lstStyle>
          <a:p>
            <a:endParaRPr lang="en-RU"/>
          </a:p>
        </p:txBody>
      </p:sp>
      <p:sp>
        <p:nvSpPr>
          <p:cNvPr id="10" name="Slide Number Placeholder 5">
            <a:extLst>
              <a:ext uri="{FF2B5EF4-FFF2-40B4-BE49-F238E27FC236}">
                <a16:creationId xmlns:a16="http://schemas.microsoft.com/office/drawing/2014/main" id="{B1E60183-26D0-2449-9832-EDE4D5B5E1AC}"/>
              </a:ext>
            </a:extLst>
          </p:cNvPr>
          <p:cNvSpPr txBox="1">
            <a:spLocks/>
          </p:cNvSpPr>
          <p:nvPr userDrawn="1"/>
        </p:nvSpPr>
        <p:spPr>
          <a:xfrm>
            <a:off x="7004048" y="10295018"/>
            <a:ext cx="357598" cy="266594"/>
          </a:xfrm>
          <a:prstGeom prst="rect">
            <a:avLst/>
          </a:prstGeom>
        </p:spPr>
        <p:txBody>
          <a:bodyPr vert="horz" lIns="91440" tIns="45720" rIns="91440" bIns="45720" rtlCol="0" anchor="ctr"/>
          <a:lstStyle>
            <a:defPPr>
              <a:defRPr lang="en-US"/>
            </a:defPPr>
            <a:lvl1pPr marL="0" algn="ctr" defTabSz="325892" rtl="0" eaLnBrk="1" latinLnBrk="0" hangingPunct="1">
              <a:defRPr sz="900" b="0" i="0" kern="1200">
                <a:solidFill>
                  <a:schemeClr val="bg1">
                    <a:lumMod val="50000"/>
                  </a:schemeClr>
                </a:solidFill>
                <a:latin typeface="Calibri" panose="020F0502020204030204" pitchFamily="34" charset="0"/>
                <a:ea typeface="+mn-ea"/>
                <a:cs typeface="Calibri" panose="020F0502020204030204" pitchFamily="34" charset="0"/>
              </a:defRPr>
            </a:lvl1pPr>
            <a:lvl2pPr marL="325892" algn="l" defTabSz="325892" rtl="0" eaLnBrk="1" latinLnBrk="0" hangingPunct="1">
              <a:defRPr sz="1283" kern="1200">
                <a:solidFill>
                  <a:schemeClr val="tx1"/>
                </a:solidFill>
                <a:latin typeface="+mn-lt"/>
                <a:ea typeface="+mn-ea"/>
                <a:cs typeface="+mn-cs"/>
              </a:defRPr>
            </a:lvl2pPr>
            <a:lvl3pPr marL="651784" algn="l" defTabSz="325892" rtl="0" eaLnBrk="1" latinLnBrk="0" hangingPunct="1">
              <a:defRPr sz="1283" kern="1200">
                <a:solidFill>
                  <a:schemeClr val="tx1"/>
                </a:solidFill>
                <a:latin typeface="+mn-lt"/>
                <a:ea typeface="+mn-ea"/>
                <a:cs typeface="+mn-cs"/>
              </a:defRPr>
            </a:lvl3pPr>
            <a:lvl4pPr marL="977676" algn="l" defTabSz="325892" rtl="0" eaLnBrk="1" latinLnBrk="0" hangingPunct="1">
              <a:defRPr sz="1283" kern="1200">
                <a:solidFill>
                  <a:schemeClr val="tx1"/>
                </a:solidFill>
                <a:latin typeface="+mn-lt"/>
                <a:ea typeface="+mn-ea"/>
                <a:cs typeface="+mn-cs"/>
              </a:defRPr>
            </a:lvl4pPr>
            <a:lvl5pPr marL="1303569" algn="l" defTabSz="325892" rtl="0" eaLnBrk="1" latinLnBrk="0" hangingPunct="1">
              <a:defRPr sz="1283" kern="1200">
                <a:solidFill>
                  <a:schemeClr val="tx1"/>
                </a:solidFill>
                <a:latin typeface="+mn-lt"/>
                <a:ea typeface="+mn-ea"/>
                <a:cs typeface="+mn-cs"/>
              </a:defRPr>
            </a:lvl5pPr>
            <a:lvl6pPr marL="1629461" algn="l" defTabSz="325892" rtl="0" eaLnBrk="1" latinLnBrk="0" hangingPunct="1">
              <a:defRPr sz="1283" kern="1200">
                <a:solidFill>
                  <a:schemeClr val="tx1"/>
                </a:solidFill>
                <a:latin typeface="+mn-lt"/>
                <a:ea typeface="+mn-ea"/>
                <a:cs typeface="+mn-cs"/>
              </a:defRPr>
            </a:lvl6pPr>
            <a:lvl7pPr marL="1955353" algn="l" defTabSz="325892" rtl="0" eaLnBrk="1" latinLnBrk="0" hangingPunct="1">
              <a:defRPr sz="1283" kern="1200">
                <a:solidFill>
                  <a:schemeClr val="tx1"/>
                </a:solidFill>
                <a:latin typeface="+mn-lt"/>
                <a:ea typeface="+mn-ea"/>
                <a:cs typeface="+mn-cs"/>
              </a:defRPr>
            </a:lvl7pPr>
            <a:lvl8pPr marL="2281245" algn="l" defTabSz="325892" rtl="0" eaLnBrk="1" latinLnBrk="0" hangingPunct="1">
              <a:defRPr sz="1283" kern="1200">
                <a:solidFill>
                  <a:schemeClr val="tx1"/>
                </a:solidFill>
                <a:latin typeface="+mn-lt"/>
                <a:ea typeface="+mn-ea"/>
                <a:cs typeface="+mn-cs"/>
              </a:defRPr>
            </a:lvl8pPr>
            <a:lvl9pPr marL="2607137" algn="l" defTabSz="325892" rtl="0" eaLnBrk="1" latinLnBrk="0" hangingPunct="1">
              <a:defRPr sz="1283" kern="1200">
                <a:solidFill>
                  <a:schemeClr val="tx1"/>
                </a:solidFill>
                <a:latin typeface="+mn-lt"/>
                <a:ea typeface="+mn-ea"/>
                <a:cs typeface="+mn-cs"/>
              </a:defRPr>
            </a:lvl9pPr>
          </a:lstStyle>
          <a:p>
            <a:fld id="{CB2079F2-58AF-ED44-82D7-E04B2F6FD686}" type="slidenum">
              <a:rPr lang="en-US" sz="1000" smtClean="0">
                <a:solidFill>
                  <a:srgbClr val="F26B4D"/>
                </a:solidFill>
              </a:rPr>
              <a:pPr/>
              <a:t>‹#›</a:t>
            </a:fld>
            <a:endParaRPr lang="en-US" sz="1000" dirty="0">
              <a:solidFill>
                <a:srgbClr val="F26B4D"/>
              </a:solidFill>
            </a:endParaRPr>
          </a:p>
        </p:txBody>
      </p:sp>
      <p:grpSp>
        <p:nvGrpSpPr>
          <p:cNvPr id="12" name="Graphic 48">
            <a:extLst>
              <a:ext uri="{FF2B5EF4-FFF2-40B4-BE49-F238E27FC236}">
                <a16:creationId xmlns:a16="http://schemas.microsoft.com/office/drawing/2014/main" id="{F00DE80B-9ACD-4449-8B4F-E7C0A9627117}"/>
              </a:ext>
            </a:extLst>
          </p:cNvPr>
          <p:cNvGrpSpPr/>
          <p:nvPr userDrawn="1"/>
        </p:nvGrpSpPr>
        <p:grpSpPr>
          <a:xfrm>
            <a:off x="6421152" y="10341404"/>
            <a:ext cx="518804" cy="187825"/>
            <a:chOff x="80265" y="4007987"/>
            <a:chExt cx="7398066" cy="2678353"/>
          </a:xfrm>
          <a:solidFill>
            <a:srgbClr val="7FCCC7"/>
          </a:solidFill>
        </p:grpSpPr>
        <p:sp>
          <p:nvSpPr>
            <p:cNvPr id="13" name="Freeform 12">
              <a:extLst>
                <a:ext uri="{FF2B5EF4-FFF2-40B4-BE49-F238E27FC236}">
                  <a16:creationId xmlns:a16="http://schemas.microsoft.com/office/drawing/2014/main" id="{47C721C7-32E7-9C4E-B0BF-9071162B6F8F}"/>
                </a:ext>
              </a:extLst>
            </p:cNvPr>
            <p:cNvSpPr/>
            <p:nvPr/>
          </p:nvSpPr>
          <p:spPr>
            <a:xfrm>
              <a:off x="5646771" y="4007987"/>
              <a:ext cx="1831560" cy="2678353"/>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grpFill/>
            <a:ln w="8971" cap="flat">
              <a:noFill/>
              <a:prstDash val="solid"/>
              <a:miter/>
            </a:ln>
          </p:spPr>
          <p:txBody>
            <a:bodyPr rtlCol="0" anchor="ctr"/>
            <a:lstStyle/>
            <a:p>
              <a:endParaRPr lang="en-RU"/>
            </a:p>
          </p:txBody>
        </p:sp>
        <p:sp>
          <p:nvSpPr>
            <p:cNvPr id="14" name="Freeform 13">
              <a:extLst>
                <a:ext uri="{FF2B5EF4-FFF2-40B4-BE49-F238E27FC236}">
                  <a16:creationId xmlns:a16="http://schemas.microsoft.com/office/drawing/2014/main" id="{85720680-9264-B74D-8ABE-0ED5737DF413}"/>
                </a:ext>
              </a:extLst>
            </p:cNvPr>
            <p:cNvSpPr/>
            <p:nvPr/>
          </p:nvSpPr>
          <p:spPr>
            <a:xfrm>
              <a:off x="37943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B5C00EF0-5591-E24D-B988-9137D9AE799F}"/>
                </a:ext>
              </a:extLst>
            </p:cNvPr>
            <p:cNvSpPr/>
            <p:nvPr/>
          </p:nvSpPr>
          <p:spPr>
            <a:xfrm>
              <a:off x="19420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DC48A16E-AF1C-6D42-BD95-4E163555E7C1}"/>
                </a:ext>
              </a:extLst>
            </p:cNvPr>
            <p:cNvSpPr/>
            <p:nvPr/>
          </p:nvSpPr>
          <p:spPr>
            <a:xfrm>
              <a:off x="80265" y="4007987"/>
              <a:ext cx="1831649" cy="2678353"/>
            </a:xfrm>
            <a:custGeom>
              <a:avLst/>
              <a:gdLst>
                <a:gd name="connsiteX0" fmla="*/ 1831650 w 1831649"/>
                <a:gd name="connsiteY0" fmla="*/ 1339177 h 2678353"/>
                <a:gd name="connsiteX1" fmla="*/ 0 w 1831649"/>
                <a:gd name="connsiteY1" fmla="*/ 0 h 2678353"/>
                <a:gd name="connsiteX2" fmla="*/ 0 w 1831649"/>
                <a:gd name="connsiteY2" fmla="*/ 2678354 h 2678353"/>
              </a:gdLst>
              <a:ahLst/>
              <a:cxnLst>
                <a:cxn ang="0">
                  <a:pos x="connsiteX0" y="connsiteY0"/>
                </a:cxn>
                <a:cxn ang="0">
                  <a:pos x="connsiteX1" y="connsiteY1"/>
                </a:cxn>
                <a:cxn ang="0">
                  <a:pos x="connsiteX2" y="connsiteY2"/>
                </a:cxn>
              </a:cxnLst>
              <a:rect l="l" t="t" r="r" b="b"/>
              <a:pathLst>
                <a:path w="1831649"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grpSp>
      <p:sp>
        <p:nvSpPr>
          <p:cNvPr id="17" name="Text Placeholder 25">
            <a:extLst>
              <a:ext uri="{FF2B5EF4-FFF2-40B4-BE49-F238E27FC236}">
                <a16:creationId xmlns:a16="http://schemas.microsoft.com/office/drawing/2014/main" id="{BA6264D9-BCF5-BD4C-9447-09F01649AE63}"/>
              </a:ext>
            </a:extLst>
          </p:cNvPr>
          <p:cNvSpPr>
            <a:spLocks noGrp="1"/>
          </p:cNvSpPr>
          <p:nvPr>
            <p:ph type="body" sz="quarter" idx="14" hasCustomPrompt="1"/>
          </p:nvPr>
        </p:nvSpPr>
        <p:spPr>
          <a:xfrm>
            <a:off x="539389" y="561746"/>
            <a:ext cx="6533982" cy="635759"/>
          </a:xfrm>
        </p:spPr>
        <p:txBody>
          <a:bodyPr anchor="ctr">
            <a:noAutofit/>
          </a:bodyPr>
          <a:lstStyle>
            <a:lvl1pPr marL="0" indent="0" algn="l">
              <a:buNone/>
              <a:defRPr sz="1800"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SUB HEADING</a:t>
            </a:r>
          </a:p>
        </p:txBody>
      </p:sp>
      <p:sp>
        <p:nvSpPr>
          <p:cNvPr id="18" name="Text Placeholder 25">
            <a:extLst>
              <a:ext uri="{FF2B5EF4-FFF2-40B4-BE49-F238E27FC236}">
                <a16:creationId xmlns:a16="http://schemas.microsoft.com/office/drawing/2014/main" id="{66732A4E-FA8B-D549-906D-9CE98ECA5AA0}"/>
              </a:ext>
            </a:extLst>
          </p:cNvPr>
          <p:cNvSpPr>
            <a:spLocks noGrp="1"/>
          </p:cNvSpPr>
          <p:nvPr>
            <p:ph type="body" sz="quarter" idx="33" hasCustomPrompt="1"/>
          </p:nvPr>
        </p:nvSpPr>
        <p:spPr>
          <a:xfrm>
            <a:off x="522456" y="1442280"/>
            <a:ext cx="6533982" cy="6081792"/>
          </a:xfrm>
        </p:spPr>
        <p:txBody>
          <a:bodyPr anchor="t">
            <a:noAutofit/>
          </a:bodyPr>
          <a:lstStyle>
            <a:lvl1pPr marL="0" indent="0" algn="just">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Text</a:t>
            </a:r>
          </a:p>
        </p:txBody>
      </p:sp>
      <p:cxnSp>
        <p:nvCxnSpPr>
          <p:cNvPr id="2" name="Straight Connector 1">
            <a:extLst>
              <a:ext uri="{FF2B5EF4-FFF2-40B4-BE49-F238E27FC236}">
                <a16:creationId xmlns:a16="http://schemas.microsoft.com/office/drawing/2014/main" id="{780A11A6-62BA-AFE3-4321-EE746D4CD7E3}"/>
              </a:ext>
            </a:extLst>
          </p:cNvPr>
          <p:cNvCxnSpPr>
            <a:cxnSpLocks/>
          </p:cNvCxnSpPr>
          <p:nvPr userDrawn="1"/>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3" name="Text Placeholder 25">
            <a:extLst>
              <a:ext uri="{FF2B5EF4-FFF2-40B4-BE49-F238E27FC236}">
                <a16:creationId xmlns:a16="http://schemas.microsoft.com/office/drawing/2014/main" id="{6511A2AF-8574-AFFA-88D1-8AAF8EAF18CF}"/>
              </a:ext>
            </a:extLst>
          </p:cNvPr>
          <p:cNvSpPr>
            <a:spLocks noGrp="1"/>
          </p:cNvSpPr>
          <p:nvPr>
            <p:ph type="body" sz="quarter" idx="32" hasCustomPrompt="1"/>
          </p:nvPr>
        </p:nvSpPr>
        <p:spPr>
          <a:xfrm>
            <a:off x="1773598" y="10175681"/>
            <a:ext cx="4718277"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r>
              <a:rPr lang="et-EE" b="1"/>
              <a:t>Pedagoogiline juhend digitaalse kodanikuosaluse õpetamiseks (IO3)</a:t>
            </a:r>
            <a:endParaRPr lang="en-LB"/>
          </a:p>
        </p:txBody>
      </p:sp>
    </p:spTree>
    <p:extLst>
      <p:ext uri="{BB962C8B-B14F-4D97-AF65-F5344CB8AC3E}">
        <p14:creationId xmlns:p14="http://schemas.microsoft.com/office/powerpoint/2010/main" val="49156717"/>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Bullet Points with Photos">
    <p:spTree>
      <p:nvGrpSpPr>
        <p:cNvPr id="1" name=""/>
        <p:cNvGrpSpPr/>
        <p:nvPr/>
      </p:nvGrpSpPr>
      <p:grpSpPr>
        <a:xfrm>
          <a:off x="0" y="0"/>
          <a:ext cx="0" cy="0"/>
          <a:chOff x="0" y="0"/>
          <a:chExt cx="0" cy="0"/>
        </a:xfrm>
      </p:grpSpPr>
      <p:sp>
        <p:nvSpPr>
          <p:cNvPr id="43" name="Rectangle 42">
            <a:extLst>
              <a:ext uri="{FF2B5EF4-FFF2-40B4-BE49-F238E27FC236}">
                <a16:creationId xmlns:a16="http://schemas.microsoft.com/office/drawing/2014/main" id="{A9750AAC-F163-FF4B-9E07-29D0C06DAD51}"/>
              </a:ext>
            </a:extLst>
          </p:cNvPr>
          <p:cNvSpPr/>
          <p:nvPr userDrawn="1"/>
        </p:nvSpPr>
        <p:spPr>
          <a:xfrm>
            <a:off x="4371975" y="5573458"/>
            <a:ext cx="3202828" cy="4267199"/>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6" name="Rectangle 5">
            <a:extLst>
              <a:ext uri="{FF2B5EF4-FFF2-40B4-BE49-F238E27FC236}">
                <a16:creationId xmlns:a16="http://schemas.microsoft.com/office/drawing/2014/main" id="{FC1F3F53-828E-D745-81FD-F02B1A5DAF74}"/>
              </a:ext>
            </a:extLst>
          </p:cNvPr>
          <p:cNvSpPr/>
          <p:nvPr userDrawn="1"/>
        </p:nvSpPr>
        <p:spPr>
          <a:xfrm>
            <a:off x="0" y="1187195"/>
            <a:ext cx="3202828" cy="4267199"/>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42" name="Picture Placeholder 41">
            <a:extLst>
              <a:ext uri="{FF2B5EF4-FFF2-40B4-BE49-F238E27FC236}">
                <a16:creationId xmlns:a16="http://schemas.microsoft.com/office/drawing/2014/main" id="{A344E871-0E5A-EF44-8037-387E50185C32}"/>
              </a:ext>
            </a:extLst>
          </p:cNvPr>
          <p:cNvSpPr>
            <a:spLocks noGrp="1"/>
          </p:cNvSpPr>
          <p:nvPr>
            <p:ph type="pic" sz="quarter" idx="33"/>
          </p:nvPr>
        </p:nvSpPr>
        <p:spPr>
          <a:xfrm>
            <a:off x="522288" y="1689100"/>
            <a:ext cx="2166937" cy="3263900"/>
          </a:xfrm>
        </p:spPr>
        <p:txBody>
          <a:bodyPr>
            <a:normAutofit/>
          </a:bodyPr>
          <a:lstStyle>
            <a:lvl1pPr>
              <a:defRPr sz="1800"/>
            </a:lvl1pPr>
          </a:lstStyle>
          <a:p>
            <a:endParaRPr lang="en-RU"/>
          </a:p>
        </p:txBody>
      </p:sp>
      <p:grpSp>
        <p:nvGrpSpPr>
          <p:cNvPr id="8" name="Group 7">
            <a:extLst>
              <a:ext uri="{FF2B5EF4-FFF2-40B4-BE49-F238E27FC236}">
                <a16:creationId xmlns:a16="http://schemas.microsoft.com/office/drawing/2014/main" id="{6B7B0237-135A-8940-A196-4BAA5D999CD4}"/>
              </a:ext>
            </a:extLst>
          </p:cNvPr>
          <p:cNvGrpSpPr/>
          <p:nvPr userDrawn="1"/>
        </p:nvGrpSpPr>
        <p:grpSpPr>
          <a:xfrm rot="5400000">
            <a:off x="2956299" y="1862137"/>
            <a:ext cx="201476" cy="906650"/>
            <a:chOff x="-1604074" y="3107411"/>
            <a:chExt cx="201476" cy="906650"/>
          </a:xfrm>
        </p:grpSpPr>
        <p:cxnSp>
          <p:nvCxnSpPr>
            <p:cNvPr id="9" name="Straight Connector 8">
              <a:extLst>
                <a:ext uri="{FF2B5EF4-FFF2-40B4-BE49-F238E27FC236}">
                  <a16:creationId xmlns:a16="http://schemas.microsoft.com/office/drawing/2014/main" id="{AA9AFEBC-E64E-D744-AF1A-AE1DE94B6378}"/>
                </a:ext>
              </a:extLst>
            </p:cNvPr>
            <p:cNvCxnSpPr>
              <a:cxnSpLocks/>
            </p:cNvCxnSpPr>
            <p:nvPr/>
          </p:nvCxnSpPr>
          <p:spPr>
            <a:xfrm flipV="1">
              <a:off x="-1503336" y="3208149"/>
              <a:ext cx="0" cy="805912"/>
            </a:xfrm>
            <a:prstGeom prst="line">
              <a:avLst/>
            </a:prstGeom>
            <a:ln w="19050">
              <a:solidFill>
                <a:srgbClr val="7FCCC7"/>
              </a:solidFill>
            </a:ln>
          </p:spPr>
          <p:style>
            <a:lnRef idx="1">
              <a:schemeClr val="accent1"/>
            </a:lnRef>
            <a:fillRef idx="0">
              <a:schemeClr val="accent1"/>
            </a:fillRef>
            <a:effectRef idx="0">
              <a:schemeClr val="accent1"/>
            </a:effectRef>
            <a:fontRef idx="minor">
              <a:schemeClr val="tx1"/>
            </a:fontRef>
          </p:style>
        </p:cxnSp>
        <p:sp>
          <p:nvSpPr>
            <p:cNvPr id="10" name="Oval 9">
              <a:extLst>
                <a:ext uri="{FF2B5EF4-FFF2-40B4-BE49-F238E27FC236}">
                  <a16:creationId xmlns:a16="http://schemas.microsoft.com/office/drawing/2014/main" id="{9D63AD0F-67F4-6F4C-A86D-06EB4A90B5BC}"/>
                </a:ext>
              </a:extLst>
            </p:cNvPr>
            <p:cNvSpPr/>
            <p:nvPr/>
          </p:nvSpPr>
          <p:spPr>
            <a:xfrm>
              <a:off x="-1604074" y="3107411"/>
              <a:ext cx="201476" cy="201476"/>
            </a:xfrm>
            <a:prstGeom prst="ellipse">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grpSp>
        <p:nvGrpSpPr>
          <p:cNvPr id="11" name="Group 10">
            <a:extLst>
              <a:ext uri="{FF2B5EF4-FFF2-40B4-BE49-F238E27FC236}">
                <a16:creationId xmlns:a16="http://schemas.microsoft.com/office/drawing/2014/main" id="{E535BE39-20DA-AE48-83B2-BADBE3AB51B8}"/>
              </a:ext>
            </a:extLst>
          </p:cNvPr>
          <p:cNvGrpSpPr/>
          <p:nvPr userDrawn="1"/>
        </p:nvGrpSpPr>
        <p:grpSpPr>
          <a:xfrm rot="5400000">
            <a:off x="2956299" y="2513065"/>
            <a:ext cx="201476" cy="906650"/>
            <a:chOff x="-1604074" y="3107411"/>
            <a:chExt cx="201476" cy="906650"/>
          </a:xfrm>
        </p:grpSpPr>
        <p:cxnSp>
          <p:nvCxnSpPr>
            <p:cNvPr id="12" name="Straight Connector 11">
              <a:extLst>
                <a:ext uri="{FF2B5EF4-FFF2-40B4-BE49-F238E27FC236}">
                  <a16:creationId xmlns:a16="http://schemas.microsoft.com/office/drawing/2014/main" id="{CDBBCC3A-570B-EB4D-9D5B-927BDF34CC76}"/>
                </a:ext>
              </a:extLst>
            </p:cNvPr>
            <p:cNvCxnSpPr>
              <a:cxnSpLocks/>
            </p:cNvCxnSpPr>
            <p:nvPr/>
          </p:nvCxnSpPr>
          <p:spPr>
            <a:xfrm flipV="1">
              <a:off x="-1503336" y="3208149"/>
              <a:ext cx="0" cy="805912"/>
            </a:xfrm>
            <a:prstGeom prst="line">
              <a:avLst/>
            </a:prstGeom>
            <a:ln w="19050">
              <a:solidFill>
                <a:srgbClr val="7FCCC7"/>
              </a:solidFill>
            </a:ln>
          </p:spPr>
          <p:style>
            <a:lnRef idx="1">
              <a:schemeClr val="accent1"/>
            </a:lnRef>
            <a:fillRef idx="0">
              <a:schemeClr val="accent1"/>
            </a:fillRef>
            <a:effectRef idx="0">
              <a:schemeClr val="accent1"/>
            </a:effectRef>
            <a:fontRef idx="minor">
              <a:schemeClr val="tx1"/>
            </a:fontRef>
          </p:style>
        </p:cxnSp>
        <p:sp>
          <p:nvSpPr>
            <p:cNvPr id="13" name="Oval 12">
              <a:extLst>
                <a:ext uri="{FF2B5EF4-FFF2-40B4-BE49-F238E27FC236}">
                  <a16:creationId xmlns:a16="http://schemas.microsoft.com/office/drawing/2014/main" id="{9DE343C3-87F3-6846-B73C-94B45A70910A}"/>
                </a:ext>
              </a:extLst>
            </p:cNvPr>
            <p:cNvSpPr/>
            <p:nvPr/>
          </p:nvSpPr>
          <p:spPr>
            <a:xfrm>
              <a:off x="-1604074" y="3107411"/>
              <a:ext cx="201476" cy="201476"/>
            </a:xfrm>
            <a:prstGeom prst="ellipse">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grpSp>
        <p:nvGrpSpPr>
          <p:cNvPr id="14" name="Group 13">
            <a:extLst>
              <a:ext uri="{FF2B5EF4-FFF2-40B4-BE49-F238E27FC236}">
                <a16:creationId xmlns:a16="http://schemas.microsoft.com/office/drawing/2014/main" id="{A910DCA2-FE9C-0B48-808E-B0C6F3A931DD}"/>
              </a:ext>
            </a:extLst>
          </p:cNvPr>
          <p:cNvGrpSpPr/>
          <p:nvPr userDrawn="1"/>
        </p:nvGrpSpPr>
        <p:grpSpPr>
          <a:xfrm rot="5400000">
            <a:off x="2956299" y="3194991"/>
            <a:ext cx="201476" cy="906650"/>
            <a:chOff x="-1604074" y="3107411"/>
            <a:chExt cx="201476" cy="906650"/>
          </a:xfrm>
        </p:grpSpPr>
        <p:cxnSp>
          <p:nvCxnSpPr>
            <p:cNvPr id="15" name="Straight Connector 14">
              <a:extLst>
                <a:ext uri="{FF2B5EF4-FFF2-40B4-BE49-F238E27FC236}">
                  <a16:creationId xmlns:a16="http://schemas.microsoft.com/office/drawing/2014/main" id="{D44AB86B-5E19-0940-A553-2567E3BB6F3F}"/>
                </a:ext>
              </a:extLst>
            </p:cNvPr>
            <p:cNvCxnSpPr>
              <a:cxnSpLocks/>
            </p:cNvCxnSpPr>
            <p:nvPr/>
          </p:nvCxnSpPr>
          <p:spPr>
            <a:xfrm flipV="1">
              <a:off x="-1503336" y="3208149"/>
              <a:ext cx="0" cy="805912"/>
            </a:xfrm>
            <a:prstGeom prst="line">
              <a:avLst/>
            </a:prstGeom>
            <a:ln w="19050">
              <a:solidFill>
                <a:srgbClr val="7FCCC7"/>
              </a:solidFill>
            </a:ln>
          </p:spPr>
          <p:style>
            <a:lnRef idx="1">
              <a:schemeClr val="accent1"/>
            </a:lnRef>
            <a:fillRef idx="0">
              <a:schemeClr val="accent1"/>
            </a:fillRef>
            <a:effectRef idx="0">
              <a:schemeClr val="accent1"/>
            </a:effectRef>
            <a:fontRef idx="minor">
              <a:schemeClr val="tx1"/>
            </a:fontRef>
          </p:style>
        </p:cxnSp>
        <p:sp>
          <p:nvSpPr>
            <p:cNvPr id="16" name="Oval 15">
              <a:extLst>
                <a:ext uri="{FF2B5EF4-FFF2-40B4-BE49-F238E27FC236}">
                  <a16:creationId xmlns:a16="http://schemas.microsoft.com/office/drawing/2014/main" id="{5312BB83-B9DD-F047-874F-64C5A93A9D64}"/>
                </a:ext>
              </a:extLst>
            </p:cNvPr>
            <p:cNvSpPr/>
            <p:nvPr/>
          </p:nvSpPr>
          <p:spPr>
            <a:xfrm>
              <a:off x="-1604074" y="3107411"/>
              <a:ext cx="201476" cy="201476"/>
            </a:xfrm>
            <a:prstGeom prst="ellipse">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grpSp>
        <p:nvGrpSpPr>
          <p:cNvPr id="17" name="Group 16">
            <a:extLst>
              <a:ext uri="{FF2B5EF4-FFF2-40B4-BE49-F238E27FC236}">
                <a16:creationId xmlns:a16="http://schemas.microsoft.com/office/drawing/2014/main" id="{32F8AC00-C99A-264F-AB83-55E71C43A4A4}"/>
              </a:ext>
            </a:extLst>
          </p:cNvPr>
          <p:cNvGrpSpPr/>
          <p:nvPr userDrawn="1"/>
        </p:nvGrpSpPr>
        <p:grpSpPr>
          <a:xfrm rot="5400000">
            <a:off x="2956299" y="3876916"/>
            <a:ext cx="201476" cy="906650"/>
            <a:chOff x="-1604074" y="3107411"/>
            <a:chExt cx="201476" cy="906650"/>
          </a:xfrm>
        </p:grpSpPr>
        <p:cxnSp>
          <p:nvCxnSpPr>
            <p:cNvPr id="18" name="Straight Connector 17">
              <a:extLst>
                <a:ext uri="{FF2B5EF4-FFF2-40B4-BE49-F238E27FC236}">
                  <a16:creationId xmlns:a16="http://schemas.microsoft.com/office/drawing/2014/main" id="{D1E92CFD-C699-4E4D-87EF-F9B254A70F8A}"/>
                </a:ext>
              </a:extLst>
            </p:cNvPr>
            <p:cNvCxnSpPr>
              <a:cxnSpLocks/>
            </p:cNvCxnSpPr>
            <p:nvPr/>
          </p:nvCxnSpPr>
          <p:spPr>
            <a:xfrm flipV="1">
              <a:off x="-1503336" y="3208149"/>
              <a:ext cx="0" cy="805912"/>
            </a:xfrm>
            <a:prstGeom prst="line">
              <a:avLst/>
            </a:prstGeom>
            <a:ln w="19050">
              <a:solidFill>
                <a:srgbClr val="7FCCC7"/>
              </a:solidFill>
            </a:ln>
          </p:spPr>
          <p:style>
            <a:lnRef idx="1">
              <a:schemeClr val="accent1"/>
            </a:lnRef>
            <a:fillRef idx="0">
              <a:schemeClr val="accent1"/>
            </a:fillRef>
            <a:effectRef idx="0">
              <a:schemeClr val="accent1"/>
            </a:effectRef>
            <a:fontRef idx="minor">
              <a:schemeClr val="tx1"/>
            </a:fontRef>
          </p:style>
        </p:cxnSp>
        <p:sp>
          <p:nvSpPr>
            <p:cNvPr id="19" name="Oval 18">
              <a:extLst>
                <a:ext uri="{FF2B5EF4-FFF2-40B4-BE49-F238E27FC236}">
                  <a16:creationId xmlns:a16="http://schemas.microsoft.com/office/drawing/2014/main" id="{C80ACA27-65C3-B146-B539-D817C29D1B7F}"/>
                </a:ext>
              </a:extLst>
            </p:cNvPr>
            <p:cNvSpPr/>
            <p:nvPr/>
          </p:nvSpPr>
          <p:spPr>
            <a:xfrm>
              <a:off x="-1604074" y="3107411"/>
              <a:ext cx="201476" cy="201476"/>
            </a:xfrm>
            <a:prstGeom prst="ellipse">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grpSp>
        <p:nvGrpSpPr>
          <p:cNvPr id="23" name="Group 22">
            <a:extLst>
              <a:ext uri="{FF2B5EF4-FFF2-40B4-BE49-F238E27FC236}">
                <a16:creationId xmlns:a16="http://schemas.microsoft.com/office/drawing/2014/main" id="{E8FE2A4F-AE56-FB4F-BD51-CA8BB87A519B}"/>
              </a:ext>
            </a:extLst>
          </p:cNvPr>
          <p:cNvGrpSpPr/>
          <p:nvPr userDrawn="1"/>
        </p:nvGrpSpPr>
        <p:grpSpPr>
          <a:xfrm rot="16200000">
            <a:off x="4344828" y="6777279"/>
            <a:ext cx="201476" cy="906650"/>
            <a:chOff x="-1604074" y="3107411"/>
            <a:chExt cx="201476" cy="906650"/>
          </a:xfrm>
        </p:grpSpPr>
        <p:cxnSp>
          <p:nvCxnSpPr>
            <p:cNvPr id="24" name="Straight Connector 23">
              <a:extLst>
                <a:ext uri="{FF2B5EF4-FFF2-40B4-BE49-F238E27FC236}">
                  <a16:creationId xmlns:a16="http://schemas.microsoft.com/office/drawing/2014/main" id="{6B3BBD14-CAB0-994E-B9C4-D26491D7F755}"/>
                </a:ext>
              </a:extLst>
            </p:cNvPr>
            <p:cNvCxnSpPr>
              <a:cxnSpLocks/>
            </p:cNvCxnSpPr>
            <p:nvPr/>
          </p:nvCxnSpPr>
          <p:spPr>
            <a:xfrm flipV="1">
              <a:off x="-1503336" y="3208149"/>
              <a:ext cx="0" cy="805912"/>
            </a:xfrm>
            <a:prstGeom prst="line">
              <a:avLst/>
            </a:prstGeom>
            <a:ln w="19050">
              <a:solidFill>
                <a:srgbClr val="F26B4D"/>
              </a:solidFill>
            </a:ln>
          </p:spPr>
          <p:style>
            <a:lnRef idx="1">
              <a:schemeClr val="accent1"/>
            </a:lnRef>
            <a:fillRef idx="0">
              <a:schemeClr val="accent1"/>
            </a:fillRef>
            <a:effectRef idx="0">
              <a:schemeClr val="accent1"/>
            </a:effectRef>
            <a:fontRef idx="minor">
              <a:schemeClr val="tx1"/>
            </a:fontRef>
          </p:style>
        </p:cxnSp>
        <p:sp>
          <p:nvSpPr>
            <p:cNvPr id="25" name="Oval 24">
              <a:extLst>
                <a:ext uri="{FF2B5EF4-FFF2-40B4-BE49-F238E27FC236}">
                  <a16:creationId xmlns:a16="http://schemas.microsoft.com/office/drawing/2014/main" id="{E9EB4148-D9EB-1C4A-9765-6F2169B0C5BB}"/>
                </a:ext>
              </a:extLst>
            </p:cNvPr>
            <p:cNvSpPr/>
            <p:nvPr/>
          </p:nvSpPr>
          <p:spPr>
            <a:xfrm>
              <a:off x="-1604074" y="3107411"/>
              <a:ext cx="201476" cy="20147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grpSp>
        <p:nvGrpSpPr>
          <p:cNvPr id="26" name="Group 25">
            <a:extLst>
              <a:ext uri="{FF2B5EF4-FFF2-40B4-BE49-F238E27FC236}">
                <a16:creationId xmlns:a16="http://schemas.microsoft.com/office/drawing/2014/main" id="{7CE982F8-9762-124B-9123-BAEBB82D6CBB}"/>
              </a:ext>
            </a:extLst>
          </p:cNvPr>
          <p:cNvGrpSpPr/>
          <p:nvPr userDrawn="1"/>
        </p:nvGrpSpPr>
        <p:grpSpPr>
          <a:xfrm rot="16200000">
            <a:off x="4344828" y="7428207"/>
            <a:ext cx="201476" cy="906650"/>
            <a:chOff x="-1604074" y="3107411"/>
            <a:chExt cx="201476" cy="906650"/>
          </a:xfrm>
        </p:grpSpPr>
        <p:cxnSp>
          <p:nvCxnSpPr>
            <p:cNvPr id="27" name="Straight Connector 26">
              <a:extLst>
                <a:ext uri="{FF2B5EF4-FFF2-40B4-BE49-F238E27FC236}">
                  <a16:creationId xmlns:a16="http://schemas.microsoft.com/office/drawing/2014/main" id="{4484453E-1B27-2648-B201-E04A4E5D0101}"/>
                </a:ext>
              </a:extLst>
            </p:cNvPr>
            <p:cNvCxnSpPr>
              <a:cxnSpLocks/>
            </p:cNvCxnSpPr>
            <p:nvPr/>
          </p:nvCxnSpPr>
          <p:spPr>
            <a:xfrm flipV="1">
              <a:off x="-1503336" y="3208149"/>
              <a:ext cx="0" cy="805912"/>
            </a:xfrm>
            <a:prstGeom prst="line">
              <a:avLst/>
            </a:prstGeom>
            <a:ln w="19050">
              <a:solidFill>
                <a:srgbClr val="F26B4D"/>
              </a:solidFill>
            </a:ln>
          </p:spPr>
          <p:style>
            <a:lnRef idx="1">
              <a:schemeClr val="accent1"/>
            </a:lnRef>
            <a:fillRef idx="0">
              <a:schemeClr val="accent1"/>
            </a:fillRef>
            <a:effectRef idx="0">
              <a:schemeClr val="accent1"/>
            </a:effectRef>
            <a:fontRef idx="minor">
              <a:schemeClr val="tx1"/>
            </a:fontRef>
          </p:style>
        </p:cxnSp>
        <p:sp>
          <p:nvSpPr>
            <p:cNvPr id="28" name="Oval 27">
              <a:extLst>
                <a:ext uri="{FF2B5EF4-FFF2-40B4-BE49-F238E27FC236}">
                  <a16:creationId xmlns:a16="http://schemas.microsoft.com/office/drawing/2014/main" id="{BB43220A-B29F-E242-AD93-E0362EBB0F4E}"/>
                </a:ext>
              </a:extLst>
            </p:cNvPr>
            <p:cNvSpPr/>
            <p:nvPr/>
          </p:nvSpPr>
          <p:spPr>
            <a:xfrm>
              <a:off x="-1604074" y="3107411"/>
              <a:ext cx="201476" cy="20147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dirty="0"/>
            </a:p>
          </p:txBody>
        </p:sp>
      </p:grpSp>
      <p:grpSp>
        <p:nvGrpSpPr>
          <p:cNvPr id="29" name="Group 28">
            <a:extLst>
              <a:ext uri="{FF2B5EF4-FFF2-40B4-BE49-F238E27FC236}">
                <a16:creationId xmlns:a16="http://schemas.microsoft.com/office/drawing/2014/main" id="{F433C0C0-3F51-4642-8271-D13B65A574EF}"/>
              </a:ext>
            </a:extLst>
          </p:cNvPr>
          <p:cNvGrpSpPr/>
          <p:nvPr userDrawn="1"/>
        </p:nvGrpSpPr>
        <p:grpSpPr>
          <a:xfrm rot="16200000">
            <a:off x="4344828" y="8110133"/>
            <a:ext cx="201476" cy="906650"/>
            <a:chOff x="-1604074" y="3107411"/>
            <a:chExt cx="201476" cy="906650"/>
          </a:xfrm>
        </p:grpSpPr>
        <p:cxnSp>
          <p:nvCxnSpPr>
            <p:cNvPr id="30" name="Straight Connector 29">
              <a:extLst>
                <a:ext uri="{FF2B5EF4-FFF2-40B4-BE49-F238E27FC236}">
                  <a16:creationId xmlns:a16="http://schemas.microsoft.com/office/drawing/2014/main" id="{1FC277CE-C334-AA41-81BE-AB6F23009F23}"/>
                </a:ext>
              </a:extLst>
            </p:cNvPr>
            <p:cNvCxnSpPr>
              <a:cxnSpLocks/>
            </p:cNvCxnSpPr>
            <p:nvPr/>
          </p:nvCxnSpPr>
          <p:spPr>
            <a:xfrm flipV="1">
              <a:off x="-1503336" y="3208149"/>
              <a:ext cx="0" cy="805912"/>
            </a:xfrm>
            <a:prstGeom prst="line">
              <a:avLst/>
            </a:prstGeom>
            <a:ln w="19050">
              <a:solidFill>
                <a:srgbClr val="F26B4D"/>
              </a:solidFill>
            </a:ln>
          </p:spPr>
          <p:style>
            <a:lnRef idx="1">
              <a:schemeClr val="accent1"/>
            </a:lnRef>
            <a:fillRef idx="0">
              <a:schemeClr val="accent1"/>
            </a:fillRef>
            <a:effectRef idx="0">
              <a:schemeClr val="accent1"/>
            </a:effectRef>
            <a:fontRef idx="minor">
              <a:schemeClr val="tx1"/>
            </a:fontRef>
          </p:style>
        </p:cxnSp>
        <p:sp>
          <p:nvSpPr>
            <p:cNvPr id="31" name="Oval 30">
              <a:extLst>
                <a:ext uri="{FF2B5EF4-FFF2-40B4-BE49-F238E27FC236}">
                  <a16:creationId xmlns:a16="http://schemas.microsoft.com/office/drawing/2014/main" id="{B399E072-006B-3A4A-BEF1-979E6EDF7EF0}"/>
                </a:ext>
              </a:extLst>
            </p:cNvPr>
            <p:cNvSpPr/>
            <p:nvPr/>
          </p:nvSpPr>
          <p:spPr>
            <a:xfrm>
              <a:off x="-1604074" y="3107411"/>
              <a:ext cx="201476" cy="20147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dirty="0"/>
            </a:p>
          </p:txBody>
        </p:sp>
      </p:grpSp>
      <p:sp>
        <p:nvSpPr>
          <p:cNvPr id="34" name="Slide Number Placeholder 5">
            <a:extLst>
              <a:ext uri="{FF2B5EF4-FFF2-40B4-BE49-F238E27FC236}">
                <a16:creationId xmlns:a16="http://schemas.microsoft.com/office/drawing/2014/main" id="{096A3B24-64D6-6B4D-B050-3D00A418F506}"/>
              </a:ext>
            </a:extLst>
          </p:cNvPr>
          <p:cNvSpPr txBox="1">
            <a:spLocks/>
          </p:cNvSpPr>
          <p:nvPr userDrawn="1"/>
        </p:nvSpPr>
        <p:spPr>
          <a:xfrm>
            <a:off x="7004048" y="10295018"/>
            <a:ext cx="357598" cy="266594"/>
          </a:xfrm>
          <a:prstGeom prst="rect">
            <a:avLst/>
          </a:prstGeom>
        </p:spPr>
        <p:txBody>
          <a:bodyPr vert="horz" lIns="91440" tIns="45720" rIns="91440" bIns="45720" rtlCol="0" anchor="ctr"/>
          <a:lstStyle>
            <a:defPPr>
              <a:defRPr lang="en-US"/>
            </a:defPPr>
            <a:lvl1pPr marL="0" algn="ctr" defTabSz="325892" rtl="0" eaLnBrk="1" latinLnBrk="0" hangingPunct="1">
              <a:defRPr sz="900" b="0" i="0" kern="1200">
                <a:solidFill>
                  <a:schemeClr val="bg1">
                    <a:lumMod val="50000"/>
                  </a:schemeClr>
                </a:solidFill>
                <a:latin typeface="Calibri" panose="020F0502020204030204" pitchFamily="34" charset="0"/>
                <a:ea typeface="+mn-ea"/>
                <a:cs typeface="Calibri" panose="020F0502020204030204" pitchFamily="34" charset="0"/>
              </a:defRPr>
            </a:lvl1pPr>
            <a:lvl2pPr marL="325892" algn="l" defTabSz="325892" rtl="0" eaLnBrk="1" latinLnBrk="0" hangingPunct="1">
              <a:defRPr sz="1283" kern="1200">
                <a:solidFill>
                  <a:schemeClr val="tx1"/>
                </a:solidFill>
                <a:latin typeface="+mn-lt"/>
                <a:ea typeface="+mn-ea"/>
                <a:cs typeface="+mn-cs"/>
              </a:defRPr>
            </a:lvl2pPr>
            <a:lvl3pPr marL="651784" algn="l" defTabSz="325892" rtl="0" eaLnBrk="1" latinLnBrk="0" hangingPunct="1">
              <a:defRPr sz="1283" kern="1200">
                <a:solidFill>
                  <a:schemeClr val="tx1"/>
                </a:solidFill>
                <a:latin typeface="+mn-lt"/>
                <a:ea typeface="+mn-ea"/>
                <a:cs typeface="+mn-cs"/>
              </a:defRPr>
            </a:lvl3pPr>
            <a:lvl4pPr marL="977676" algn="l" defTabSz="325892" rtl="0" eaLnBrk="1" latinLnBrk="0" hangingPunct="1">
              <a:defRPr sz="1283" kern="1200">
                <a:solidFill>
                  <a:schemeClr val="tx1"/>
                </a:solidFill>
                <a:latin typeface="+mn-lt"/>
                <a:ea typeface="+mn-ea"/>
                <a:cs typeface="+mn-cs"/>
              </a:defRPr>
            </a:lvl4pPr>
            <a:lvl5pPr marL="1303569" algn="l" defTabSz="325892" rtl="0" eaLnBrk="1" latinLnBrk="0" hangingPunct="1">
              <a:defRPr sz="1283" kern="1200">
                <a:solidFill>
                  <a:schemeClr val="tx1"/>
                </a:solidFill>
                <a:latin typeface="+mn-lt"/>
                <a:ea typeface="+mn-ea"/>
                <a:cs typeface="+mn-cs"/>
              </a:defRPr>
            </a:lvl5pPr>
            <a:lvl6pPr marL="1629461" algn="l" defTabSz="325892" rtl="0" eaLnBrk="1" latinLnBrk="0" hangingPunct="1">
              <a:defRPr sz="1283" kern="1200">
                <a:solidFill>
                  <a:schemeClr val="tx1"/>
                </a:solidFill>
                <a:latin typeface="+mn-lt"/>
                <a:ea typeface="+mn-ea"/>
                <a:cs typeface="+mn-cs"/>
              </a:defRPr>
            </a:lvl6pPr>
            <a:lvl7pPr marL="1955353" algn="l" defTabSz="325892" rtl="0" eaLnBrk="1" latinLnBrk="0" hangingPunct="1">
              <a:defRPr sz="1283" kern="1200">
                <a:solidFill>
                  <a:schemeClr val="tx1"/>
                </a:solidFill>
                <a:latin typeface="+mn-lt"/>
                <a:ea typeface="+mn-ea"/>
                <a:cs typeface="+mn-cs"/>
              </a:defRPr>
            </a:lvl7pPr>
            <a:lvl8pPr marL="2281245" algn="l" defTabSz="325892" rtl="0" eaLnBrk="1" latinLnBrk="0" hangingPunct="1">
              <a:defRPr sz="1283" kern="1200">
                <a:solidFill>
                  <a:schemeClr val="tx1"/>
                </a:solidFill>
                <a:latin typeface="+mn-lt"/>
                <a:ea typeface="+mn-ea"/>
                <a:cs typeface="+mn-cs"/>
              </a:defRPr>
            </a:lvl8pPr>
            <a:lvl9pPr marL="2607137" algn="l" defTabSz="325892" rtl="0" eaLnBrk="1" latinLnBrk="0" hangingPunct="1">
              <a:defRPr sz="1283" kern="1200">
                <a:solidFill>
                  <a:schemeClr val="tx1"/>
                </a:solidFill>
                <a:latin typeface="+mn-lt"/>
                <a:ea typeface="+mn-ea"/>
                <a:cs typeface="+mn-cs"/>
              </a:defRPr>
            </a:lvl9pPr>
          </a:lstStyle>
          <a:p>
            <a:fld id="{CB2079F2-58AF-ED44-82D7-E04B2F6FD686}" type="slidenum">
              <a:rPr lang="en-US" sz="1000" smtClean="0">
                <a:solidFill>
                  <a:srgbClr val="F26B4D"/>
                </a:solidFill>
              </a:rPr>
              <a:pPr/>
              <a:t>‹#›</a:t>
            </a:fld>
            <a:endParaRPr lang="en-US" sz="1000" dirty="0">
              <a:solidFill>
                <a:srgbClr val="F26B4D"/>
              </a:solidFill>
            </a:endParaRPr>
          </a:p>
        </p:txBody>
      </p:sp>
      <p:grpSp>
        <p:nvGrpSpPr>
          <p:cNvPr id="36" name="Graphic 48">
            <a:extLst>
              <a:ext uri="{FF2B5EF4-FFF2-40B4-BE49-F238E27FC236}">
                <a16:creationId xmlns:a16="http://schemas.microsoft.com/office/drawing/2014/main" id="{51AD8EBE-4588-4C4A-B68C-A8802A29421C}"/>
              </a:ext>
            </a:extLst>
          </p:cNvPr>
          <p:cNvGrpSpPr/>
          <p:nvPr userDrawn="1"/>
        </p:nvGrpSpPr>
        <p:grpSpPr>
          <a:xfrm>
            <a:off x="6421152" y="10341404"/>
            <a:ext cx="518804" cy="187825"/>
            <a:chOff x="80265" y="4007987"/>
            <a:chExt cx="7398066" cy="2678353"/>
          </a:xfrm>
          <a:solidFill>
            <a:srgbClr val="7FCCC7"/>
          </a:solidFill>
        </p:grpSpPr>
        <p:sp>
          <p:nvSpPr>
            <p:cNvPr id="37" name="Freeform 36">
              <a:extLst>
                <a:ext uri="{FF2B5EF4-FFF2-40B4-BE49-F238E27FC236}">
                  <a16:creationId xmlns:a16="http://schemas.microsoft.com/office/drawing/2014/main" id="{ED3B2C31-A8DB-FF45-8BFD-FA6E877F7D75}"/>
                </a:ext>
              </a:extLst>
            </p:cNvPr>
            <p:cNvSpPr/>
            <p:nvPr/>
          </p:nvSpPr>
          <p:spPr>
            <a:xfrm>
              <a:off x="5646771" y="4007987"/>
              <a:ext cx="1831560" cy="2678353"/>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grpFill/>
            <a:ln w="8971" cap="flat">
              <a:noFill/>
              <a:prstDash val="solid"/>
              <a:miter/>
            </a:ln>
          </p:spPr>
          <p:txBody>
            <a:bodyPr rtlCol="0" anchor="ctr"/>
            <a:lstStyle/>
            <a:p>
              <a:endParaRPr lang="en-RU"/>
            </a:p>
          </p:txBody>
        </p:sp>
        <p:sp>
          <p:nvSpPr>
            <p:cNvPr id="38" name="Freeform 37">
              <a:extLst>
                <a:ext uri="{FF2B5EF4-FFF2-40B4-BE49-F238E27FC236}">
                  <a16:creationId xmlns:a16="http://schemas.microsoft.com/office/drawing/2014/main" id="{D78E7084-D14B-BE4C-BB14-925E85B25BC3}"/>
                </a:ext>
              </a:extLst>
            </p:cNvPr>
            <p:cNvSpPr/>
            <p:nvPr/>
          </p:nvSpPr>
          <p:spPr>
            <a:xfrm>
              <a:off x="37943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39" name="Freeform 38">
              <a:extLst>
                <a:ext uri="{FF2B5EF4-FFF2-40B4-BE49-F238E27FC236}">
                  <a16:creationId xmlns:a16="http://schemas.microsoft.com/office/drawing/2014/main" id="{96487963-4EF4-D541-BC88-C04702D0566C}"/>
                </a:ext>
              </a:extLst>
            </p:cNvPr>
            <p:cNvSpPr/>
            <p:nvPr/>
          </p:nvSpPr>
          <p:spPr>
            <a:xfrm>
              <a:off x="19420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40" name="Freeform 39">
              <a:extLst>
                <a:ext uri="{FF2B5EF4-FFF2-40B4-BE49-F238E27FC236}">
                  <a16:creationId xmlns:a16="http://schemas.microsoft.com/office/drawing/2014/main" id="{5AAE239D-D1D4-5D43-8DD0-04B234D5A7B2}"/>
                </a:ext>
              </a:extLst>
            </p:cNvPr>
            <p:cNvSpPr/>
            <p:nvPr/>
          </p:nvSpPr>
          <p:spPr>
            <a:xfrm>
              <a:off x="80265" y="4007987"/>
              <a:ext cx="1831649" cy="2678353"/>
            </a:xfrm>
            <a:custGeom>
              <a:avLst/>
              <a:gdLst>
                <a:gd name="connsiteX0" fmla="*/ 1831650 w 1831649"/>
                <a:gd name="connsiteY0" fmla="*/ 1339177 h 2678353"/>
                <a:gd name="connsiteX1" fmla="*/ 0 w 1831649"/>
                <a:gd name="connsiteY1" fmla="*/ 0 h 2678353"/>
                <a:gd name="connsiteX2" fmla="*/ 0 w 1831649"/>
                <a:gd name="connsiteY2" fmla="*/ 2678354 h 2678353"/>
              </a:gdLst>
              <a:ahLst/>
              <a:cxnLst>
                <a:cxn ang="0">
                  <a:pos x="connsiteX0" y="connsiteY0"/>
                </a:cxn>
                <a:cxn ang="0">
                  <a:pos x="connsiteX1" y="connsiteY1"/>
                </a:cxn>
                <a:cxn ang="0">
                  <a:pos x="connsiteX2" y="connsiteY2"/>
                </a:cxn>
              </a:cxnLst>
              <a:rect l="l" t="t" r="r" b="b"/>
              <a:pathLst>
                <a:path w="1831649"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grpSp>
      <p:sp>
        <p:nvSpPr>
          <p:cNvPr id="44" name="Picture Placeholder 41">
            <a:extLst>
              <a:ext uri="{FF2B5EF4-FFF2-40B4-BE49-F238E27FC236}">
                <a16:creationId xmlns:a16="http://schemas.microsoft.com/office/drawing/2014/main" id="{0E675D34-59DE-1247-BE93-CBE16FEAC53A}"/>
              </a:ext>
            </a:extLst>
          </p:cNvPr>
          <p:cNvSpPr>
            <a:spLocks noGrp="1"/>
          </p:cNvSpPr>
          <p:nvPr>
            <p:ph type="pic" sz="quarter" idx="34"/>
          </p:nvPr>
        </p:nvSpPr>
        <p:spPr>
          <a:xfrm>
            <a:off x="4894263" y="6075363"/>
            <a:ext cx="2166937" cy="3263900"/>
          </a:xfrm>
        </p:spPr>
        <p:txBody>
          <a:bodyPr>
            <a:normAutofit/>
          </a:bodyPr>
          <a:lstStyle>
            <a:lvl1pPr>
              <a:defRPr sz="1800"/>
            </a:lvl1pPr>
          </a:lstStyle>
          <a:p>
            <a:endParaRPr lang="en-RU"/>
          </a:p>
        </p:txBody>
      </p:sp>
      <p:sp>
        <p:nvSpPr>
          <p:cNvPr id="45" name="Text Placeholder 25">
            <a:extLst>
              <a:ext uri="{FF2B5EF4-FFF2-40B4-BE49-F238E27FC236}">
                <a16:creationId xmlns:a16="http://schemas.microsoft.com/office/drawing/2014/main" id="{C51B043A-98B9-2B43-B101-9C5F715BAC7F}"/>
              </a:ext>
            </a:extLst>
          </p:cNvPr>
          <p:cNvSpPr>
            <a:spLocks noGrp="1"/>
          </p:cNvSpPr>
          <p:nvPr>
            <p:ph type="body" sz="quarter" idx="14" hasCustomPrompt="1"/>
          </p:nvPr>
        </p:nvSpPr>
        <p:spPr>
          <a:xfrm>
            <a:off x="3710828" y="2027971"/>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47" name="Text Placeholder 25">
            <a:extLst>
              <a:ext uri="{FF2B5EF4-FFF2-40B4-BE49-F238E27FC236}">
                <a16:creationId xmlns:a16="http://schemas.microsoft.com/office/drawing/2014/main" id="{874E9806-C3D2-E34F-B3D9-3CCA54F980AE}"/>
              </a:ext>
            </a:extLst>
          </p:cNvPr>
          <p:cNvSpPr>
            <a:spLocks noGrp="1"/>
          </p:cNvSpPr>
          <p:nvPr>
            <p:ph type="body" sz="quarter" idx="35" hasCustomPrompt="1"/>
          </p:nvPr>
        </p:nvSpPr>
        <p:spPr>
          <a:xfrm>
            <a:off x="3710828" y="2694722"/>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48" name="Text Placeholder 25">
            <a:extLst>
              <a:ext uri="{FF2B5EF4-FFF2-40B4-BE49-F238E27FC236}">
                <a16:creationId xmlns:a16="http://schemas.microsoft.com/office/drawing/2014/main" id="{48A92F8C-B1F1-D14A-A1E5-FF6B51AF923C}"/>
              </a:ext>
            </a:extLst>
          </p:cNvPr>
          <p:cNvSpPr>
            <a:spLocks noGrp="1"/>
          </p:cNvSpPr>
          <p:nvPr>
            <p:ph type="body" sz="quarter" idx="36" hasCustomPrompt="1"/>
          </p:nvPr>
        </p:nvSpPr>
        <p:spPr>
          <a:xfrm>
            <a:off x="3710828" y="3361473"/>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49" name="Text Placeholder 25">
            <a:extLst>
              <a:ext uri="{FF2B5EF4-FFF2-40B4-BE49-F238E27FC236}">
                <a16:creationId xmlns:a16="http://schemas.microsoft.com/office/drawing/2014/main" id="{ACF9BF2A-2DC0-A948-9A77-288D080449E3}"/>
              </a:ext>
            </a:extLst>
          </p:cNvPr>
          <p:cNvSpPr>
            <a:spLocks noGrp="1"/>
          </p:cNvSpPr>
          <p:nvPr>
            <p:ph type="body" sz="quarter" idx="37" hasCustomPrompt="1"/>
          </p:nvPr>
        </p:nvSpPr>
        <p:spPr>
          <a:xfrm>
            <a:off x="3710828" y="4028225"/>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51" name="Text Placeholder 25">
            <a:extLst>
              <a:ext uri="{FF2B5EF4-FFF2-40B4-BE49-F238E27FC236}">
                <a16:creationId xmlns:a16="http://schemas.microsoft.com/office/drawing/2014/main" id="{AA251218-BC59-3F42-8C19-61E424CEE3F2}"/>
              </a:ext>
            </a:extLst>
          </p:cNvPr>
          <p:cNvSpPr>
            <a:spLocks noGrp="1"/>
          </p:cNvSpPr>
          <p:nvPr>
            <p:ph type="body" sz="quarter" idx="38" hasCustomPrompt="1"/>
          </p:nvPr>
        </p:nvSpPr>
        <p:spPr>
          <a:xfrm>
            <a:off x="524715" y="570646"/>
            <a:ext cx="6536485" cy="562655"/>
          </a:xfrm>
        </p:spPr>
        <p:txBody>
          <a:bodyPr anchor="t">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52" name="Text Placeholder 25">
            <a:extLst>
              <a:ext uri="{FF2B5EF4-FFF2-40B4-BE49-F238E27FC236}">
                <a16:creationId xmlns:a16="http://schemas.microsoft.com/office/drawing/2014/main" id="{2E737A58-05DC-1E46-9355-42C9572BD573}"/>
              </a:ext>
            </a:extLst>
          </p:cNvPr>
          <p:cNvSpPr>
            <a:spLocks noGrp="1"/>
          </p:cNvSpPr>
          <p:nvPr>
            <p:ph type="body" sz="quarter" idx="39" hasCustomPrompt="1"/>
          </p:nvPr>
        </p:nvSpPr>
        <p:spPr>
          <a:xfrm>
            <a:off x="510427" y="5728435"/>
            <a:ext cx="3347945" cy="864958"/>
          </a:xfrm>
        </p:spPr>
        <p:txBody>
          <a:bodyPr anchor="t">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53" name="Text Placeholder 25">
            <a:extLst>
              <a:ext uri="{FF2B5EF4-FFF2-40B4-BE49-F238E27FC236}">
                <a16:creationId xmlns:a16="http://schemas.microsoft.com/office/drawing/2014/main" id="{7A2873FA-457A-FB4E-BC15-2904F36C2694}"/>
              </a:ext>
            </a:extLst>
          </p:cNvPr>
          <p:cNvSpPr>
            <a:spLocks noGrp="1"/>
          </p:cNvSpPr>
          <p:nvPr>
            <p:ph type="body" sz="quarter" idx="40" hasCustomPrompt="1"/>
          </p:nvPr>
        </p:nvSpPr>
        <p:spPr>
          <a:xfrm>
            <a:off x="496139" y="6971446"/>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54" name="Text Placeholder 25">
            <a:extLst>
              <a:ext uri="{FF2B5EF4-FFF2-40B4-BE49-F238E27FC236}">
                <a16:creationId xmlns:a16="http://schemas.microsoft.com/office/drawing/2014/main" id="{96B42444-CB2E-2941-9E2F-D3A2BD6AC850}"/>
              </a:ext>
            </a:extLst>
          </p:cNvPr>
          <p:cNvSpPr>
            <a:spLocks noGrp="1"/>
          </p:cNvSpPr>
          <p:nvPr>
            <p:ph type="body" sz="quarter" idx="41" hasCustomPrompt="1"/>
          </p:nvPr>
        </p:nvSpPr>
        <p:spPr>
          <a:xfrm>
            <a:off x="496139" y="7638197"/>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55" name="Text Placeholder 25">
            <a:extLst>
              <a:ext uri="{FF2B5EF4-FFF2-40B4-BE49-F238E27FC236}">
                <a16:creationId xmlns:a16="http://schemas.microsoft.com/office/drawing/2014/main" id="{1BD22F43-75D2-084B-AD58-B395E760072F}"/>
              </a:ext>
            </a:extLst>
          </p:cNvPr>
          <p:cNvSpPr>
            <a:spLocks noGrp="1"/>
          </p:cNvSpPr>
          <p:nvPr>
            <p:ph type="body" sz="quarter" idx="42" hasCustomPrompt="1"/>
          </p:nvPr>
        </p:nvSpPr>
        <p:spPr>
          <a:xfrm>
            <a:off x="496139" y="8304948"/>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cxnSp>
        <p:nvCxnSpPr>
          <p:cNvPr id="2" name="Straight Connector 1">
            <a:extLst>
              <a:ext uri="{FF2B5EF4-FFF2-40B4-BE49-F238E27FC236}">
                <a16:creationId xmlns:a16="http://schemas.microsoft.com/office/drawing/2014/main" id="{FE35843F-8D9A-5B5D-6C15-DDB2AD035D98}"/>
              </a:ext>
            </a:extLst>
          </p:cNvPr>
          <p:cNvCxnSpPr>
            <a:cxnSpLocks/>
          </p:cNvCxnSpPr>
          <p:nvPr userDrawn="1"/>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3" name="Text Placeholder 25">
            <a:extLst>
              <a:ext uri="{FF2B5EF4-FFF2-40B4-BE49-F238E27FC236}">
                <a16:creationId xmlns:a16="http://schemas.microsoft.com/office/drawing/2014/main" id="{D78FD6A4-2C78-B79D-AA01-CE4C5AC712BE}"/>
              </a:ext>
            </a:extLst>
          </p:cNvPr>
          <p:cNvSpPr>
            <a:spLocks noGrp="1"/>
          </p:cNvSpPr>
          <p:nvPr>
            <p:ph type="body" sz="quarter" idx="32" hasCustomPrompt="1"/>
          </p:nvPr>
        </p:nvSpPr>
        <p:spPr>
          <a:xfrm>
            <a:off x="1773598" y="10175681"/>
            <a:ext cx="4718277"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r>
              <a:rPr lang="et-EE" b="1"/>
              <a:t>Pedagoogiline juhend digitaalse kodanikuosaluse õpetamiseks (IO3)</a:t>
            </a:r>
            <a:endParaRPr lang="en-LB"/>
          </a:p>
        </p:txBody>
      </p:sp>
    </p:spTree>
    <p:extLst>
      <p:ext uri="{BB962C8B-B14F-4D97-AF65-F5344CB8AC3E}">
        <p14:creationId xmlns:p14="http://schemas.microsoft.com/office/powerpoint/2010/main" val="63409604"/>
      </p:ext>
    </p:extLst>
  </p:cSld>
  <p:clrMapOvr>
    <a:masterClrMapping/>
  </p:clrMapOvr>
  <p:extLst>
    <p:ext uri="{DCECCB84-F9BA-43D5-87BE-67443E8EF086}">
      <p15:sldGuideLst xmlns:p15="http://schemas.microsoft.com/office/powerpoint/2012/main">
        <p15:guide id="1" orient="horz" pos="351" userDrawn="1">
          <p15:clr>
            <a:srgbClr val="FBAE40"/>
          </p15:clr>
        </p15:guide>
        <p15:guide id="2" pos="317" userDrawn="1">
          <p15:clr>
            <a:srgbClr val="FBAE40"/>
          </p15:clr>
        </p15:guide>
        <p15:guide id="3" pos="4445" userDrawn="1">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End Slide">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0FCF396A-1200-4548-924F-32503DF2D362}"/>
              </a:ext>
            </a:extLst>
          </p:cNvPr>
          <p:cNvSpPr/>
          <p:nvPr userDrawn="1"/>
        </p:nvSpPr>
        <p:spPr>
          <a:xfrm>
            <a:off x="779462" y="2259463"/>
            <a:ext cx="3680460" cy="7649939"/>
          </a:xfrm>
          <a:prstGeom prst="rect">
            <a:avLst/>
          </a:prstGeom>
          <a:solidFill>
            <a:srgbClr val="7ECDC7"/>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horz" wrap="square" lIns="91440" tIns="45720" rIns="91440" bIns="45720" numCol="1" spcCol="0" rtlCol="0" fromWordArt="0" anchor="ctr" anchorCtr="0" forceAA="0" compatLnSpc="1">
            <a:prstTxWarp prst="textNoShape">
              <a:avLst/>
            </a:prstTxWarp>
            <a:noAutofit/>
          </a:bodyPr>
          <a:lstStyle/>
          <a:p>
            <a:endParaRPr lang="en-GB"/>
          </a:p>
        </p:txBody>
      </p:sp>
      <p:pic>
        <p:nvPicPr>
          <p:cNvPr id="7" name="Picture 6">
            <a:extLst>
              <a:ext uri="{FF2B5EF4-FFF2-40B4-BE49-F238E27FC236}">
                <a16:creationId xmlns:a16="http://schemas.microsoft.com/office/drawing/2014/main" id="{0B6AC6B7-E12F-4446-9945-B08481338DDA}"/>
              </a:ext>
            </a:extLst>
          </p:cNvPr>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5312239" y="10018173"/>
            <a:ext cx="1593156" cy="455071"/>
          </a:xfrm>
          <a:prstGeom prst="rect">
            <a:avLst/>
          </a:prstGeom>
        </p:spPr>
      </p:pic>
      <p:pic>
        <p:nvPicPr>
          <p:cNvPr id="8" name="Picture 7" descr="Logo, company name&#10;&#10;Description automatically generated">
            <a:extLst>
              <a:ext uri="{FF2B5EF4-FFF2-40B4-BE49-F238E27FC236}">
                <a16:creationId xmlns:a16="http://schemas.microsoft.com/office/drawing/2014/main" id="{AB4AF5F8-136E-124E-9844-B288E4911B80}"/>
              </a:ext>
            </a:extLst>
          </p:cNvPr>
          <p:cNvPicPr/>
          <p:nvPr userDrawn="1"/>
        </p:nvPicPr>
        <p:blipFill>
          <a:blip r:embed="rId3" cstate="email">
            <a:extLst>
              <a:ext uri="{28A0092B-C50C-407E-A947-70E740481C1C}">
                <a14:useLocalDpi xmlns:a14="http://schemas.microsoft.com/office/drawing/2010/main"/>
              </a:ext>
            </a:extLst>
          </a:blip>
          <a:stretch>
            <a:fillRect/>
          </a:stretch>
        </p:blipFill>
        <p:spPr>
          <a:xfrm>
            <a:off x="779462" y="0"/>
            <a:ext cx="3680460" cy="2357120"/>
          </a:xfrm>
          <a:prstGeom prst="rect">
            <a:avLst/>
          </a:prstGeom>
        </p:spPr>
      </p:pic>
      <p:sp>
        <p:nvSpPr>
          <p:cNvPr id="9" name="object 12">
            <a:extLst>
              <a:ext uri="{FF2B5EF4-FFF2-40B4-BE49-F238E27FC236}">
                <a16:creationId xmlns:a16="http://schemas.microsoft.com/office/drawing/2014/main" id="{31EC98C3-3ACF-124E-9C39-B4E6194B8F74}"/>
              </a:ext>
            </a:extLst>
          </p:cNvPr>
          <p:cNvSpPr txBox="1"/>
          <p:nvPr userDrawn="1"/>
        </p:nvSpPr>
        <p:spPr>
          <a:xfrm>
            <a:off x="900108" y="10109555"/>
            <a:ext cx="3681601" cy="246734"/>
          </a:xfrm>
          <a:prstGeom prst="rect">
            <a:avLst/>
          </a:prstGeom>
        </p:spPr>
        <p:txBody>
          <a:bodyPr vert="horz" wrap="square" lIns="0" tIns="12700" rIns="0" bIns="0" rtlCol="0">
            <a:spAutoFit/>
          </a:bodyPr>
          <a:lstStyle/>
          <a:p>
            <a:pPr marL="0" marR="0" indent="0" algn="just" defTabSz="325892" rtl="0" eaLnBrk="1" fontAlgn="auto" latinLnBrk="0" hangingPunct="1">
              <a:lnSpc>
                <a:spcPct val="100000"/>
              </a:lnSpc>
              <a:spcBef>
                <a:spcPts val="0"/>
              </a:spcBef>
              <a:spcAft>
                <a:spcPts val="0"/>
              </a:spcAft>
              <a:buClrTx/>
              <a:buSzTx/>
              <a:buFontTx/>
              <a:buNone/>
              <a:tabLst/>
              <a:defRPr/>
            </a:pPr>
            <a:r>
              <a:rPr lang="en-GB" sz="760" dirty="0">
                <a:solidFill>
                  <a:srgbClr val="26262A"/>
                </a:solidFill>
                <a:latin typeface="Calibri" panose="020F0502020204030204" pitchFamily="34" charset="0"/>
                <a:cs typeface="Calibri" panose="020F0502020204030204" pitchFamily="34" charset="0"/>
              </a:rPr>
              <a:t>See projekt on rahastatud Euroopa Komisjoni toetusel. See väljaanne kajastab ainult autori seisukohti ja komisjon ei vastuta selles sisalduva teabe võimaliku kasutamise eest.</a:t>
            </a:r>
          </a:p>
        </p:txBody>
      </p:sp>
      <p:sp>
        <p:nvSpPr>
          <p:cNvPr id="10" name="Rectangle 9">
            <a:extLst>
              <a:ext uri="{FF2B5EF4-FFF2-40B4-BE49-F238E27FC236}">
                <a16:creationId xmlns:a16="http://schemas.microsoft.com/office/drawing/2014/main" id="{40A6676B-85C2-1E4B-8EF9-3CF90B2229C4}"/>
              </a:ext>
            </a:extLst>
          </p:cNvPr>
          <p:cNvSpPr/>
          <p:nvPr userDrawn="1"/>
        </p:nvSpPr>
        <p:spPr>
          <a:xfrm>
            <a:off x="2146852" y="2327063"/>
            <a:ext cx="5412822"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1" name="Text Placeholder 25">
            <a:extLst>
              <a:ext uri="{FF2B5EF4-FFF2-40B4-BE49-F238E27FC236}">
                <a16:creationId xmlns:a16="http://schemas.microsoft.com/office/drawing/2014/main" id="{AE2DC2BC-991F-7042-A29F-549D6E074117}"/>
              </a:ext>
            </a:extLst>
          </p:cNvPr>
          <p:cNvSpPr>
            <a:spLocks noGrp="1"/>
          </p:cNvSpPr>
          <p:nvPr>
            <p:ph type="body" sz="quarter" idx="14" hasCustomPrompt="1"/>
          </p:nvPr>
        </p:nvSpPr>
        <p:spPr>
          <a:xfrm>
            <a:off x="2146852" y="2325757"/>
            <a:ext cx="5412822" cy="615881"/>
          </a:xfrm>
        </p:spPr>
        <p:txBody>
          <a:bodyPr anchor="ctr">
            <a:noAutofit/>
          </a:bodyPr>
          <a:lstStyle>
            <a:lvl1pPr marL="0" indent="0" algn="l">
              <a:buNone/>
              <a:defRPr lang="en-GB" sz="2800" smtClean="0">
                <a:solidFill>
                  <a:schemeClr val="bg1"/>
                </a:solidFill>
                <a:effectLst/>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WWW.STUDENTCIVICENGAGERS.EU </a:t>
            </a:r>
          </a:p>
        </p:txBody>
      </p:sp>
      <p:sp>
        <p:nvSpPr>
          <p:cNvPr id="13" name="Picture Placeholder 12">
            <a:extLst>
              <a:ext uri="{FF2B5EF4-FFF2-40B4-BE49-F238E27FC236}">
                <a16:creationId xmlns:a16="http://schemas.microsoft.com/office/drawing/2014/main" id="{42A1E5D2-C2A0-D446-BC40-76C45A27BD29}"/>
              </a:ext>
            </a:extLst>
          </p:cNvPr>
          <p:cNvSpPr>
            <a:spLocks noGrp="1"/>
          </p:cNvSpPr>
          <p:nvPr>
            <p:ph type="pic" sz="quarter" idx="15"/>
          </p:nvPr>
        </p:nvSpPr>
        <p:spPr>
          <a:xfrm>
            <a:off x="0" y="4014439"/>
            <a:ext cx="7559675" cy="5894736"/>
          </a:xfrm>
        </p:spPr>
        <p:txBody>
          <a:bodyPr>
            <a:normAutofit/>
          </a:bodyPr>
          <a:lstStyle>
            <a:lvl1pPr>
              <a:defRPr sz="1800"/>
            </a:lvl1pPr>
          </a:lstStyle>
          <a:p>
            <a:endParaRPr lang="en-RU"/>
          </a:p>
        </p:txBody>
      </p:sp>
    </p:spTree>
    <p:extLst>
      <p:ext uri="{BB962C8B-B14F-4D97-AF65-F5344CB8AC3E}">
        <p14:creationId xmlns:p14="http://schemas.microsoft.com/office/powerpoint/2010/main" val="1943463267"/>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 Id="rId9"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19728" y="569242"/>
            <a:ext cx="6520220" cy="2066590"/>
          </a:xfrm>
          <a:prstGeom prst="rect">
            <a:avLst/>
          </a:prstGeom>
        </p:spPr>
        <p:txBody>
          <a:bodyPr vert="horz" lIns="91440" tIns="45720" rIns="91440" bIns="45720" rtlCol="0" anchor="ctr">
            <a:normAutofit/>
          </a:bodyPr>
          <a:lstStyle/>
          <a:p>
            <a:r>
              <a:rPr lang="en-GB"/>
              <a:t>Click to edit Master title style</a:t>
            </a:r>
            <a:endParaRPr lang="en-US" dirty="0"/>
          </a:p>
        </p:txBody>
      </p:sp>
      <p:sp>
        <p:nvSpPr>
          <p:cNvPr id="3" name="Text Placeholder 2"/>
          <p:cNvSpPr>
            <a:spLocks noGrp="1"/>
          </p:cNvSpPr>
          <p:nvPr>
            <p:ph type="body" idx="1"/>
          </p:nvPr>
        </p:nvSpPr>
        <p:spPr>
          <a:xfrm>
            <a:off x="519728" y="2846200"/>
            <a:ext cx="6520220" cy="6783857"/>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dirty="0"/>
          </a:p>
        </p:txBody>
      </p:sp>
      <p:sp>
        <p:nvSpPr>
          <p:cNvPr id="4" name="Date Placeholder 3"/>
          <p:cNvSpPr>
            <a:spLocks noGrp="1"/>
          </p:cNvSpPr>
          <p:nvPr>
            <p:ph type="dt" sz="half" idx="2"/>
          </p:nvPr>
        </p:nvSpPr>
        <p:spPr>
          <a:xfrm>
            <a:off x="519728" y="9909729"/>
            <a:ext cx="1700927" cy="569240"/>
          </a:xfrm>
          <a:prstGeom prst="rect">
            <a:avLst/>
          </a:prstGeom>
        </p:spPr>
        <p:txBody>
          <a:bodyPr vert="horz" lIns="91440" tIns="45720" rIns="91440" bIns="45720" rtlCol="0" anchor="ctr"/>
          <a:lstStyle>
            <a:lvl1pPr algn="l">
              <a:defRPr sz="992">
                <a:solidFill>
                  <a:schemeClr val="tx1">
                    <a:tint val="75000"/>
                  </a:schemeClr>
                </a:solidFill>
              </a:defRPr>
            </a:lvl1pPr>
          </a:lstStyle>
          <a:p>
            <a:fld id="{DB2475E4-6363-DF49-88C8-93E8974EC63F}" type="datetimeFigureOut">
              <a:rPr lang="en-RU" smtClean="0"/>
              <a:t>09/21/2022</a:t>
            </a:fld>
            <a:endParaRPr lang="en-RU"/>
          </a:p>
        </p:txBody>
      </p:sp>
      <p:sp>
        <p:nvSpPr>
          <p:cNvPr id="5" name="Footer Placeholder 4"/>
          <p:cNvSpPr>
            <a:spLocks noGrp="1"/>
          </p:cNvSpPr>
          <p:nvPr>
            <p:ph type="ftr" sz="quarter" idx="3"/>
          </p:nvPr>
        </p:nvSpPr>
        <p:spPr>
          <a:xfrm>
            <a:off x="2504143" y="9909729"/>
            <a:ext cx="2551390" cy="569240"/>
          </a:xfrm>
          <a:prstGeom prst="rect">
            <a:avLst/>
          </a:prstGeom>
        </p:spPr>
        <p:txBody>
          <a:bodyPr vert="horz" lIns="91440" tIns="45720" rIns="91440" bIns="45720" rtlCol="0" anchor="ctr"/>
          <a:lstStyle>
            <a:lvl1pPr algn="ctr">
              <a:defRPr sz="992">
                <a:solidFill>
                  <a:schemeClr val="tx1">
                    <a:tint val="75000"/>
                  </a:schemeClr>
                </a:solidFill>
              </a:defRPr>
            </a:lvl1pPr>
          </a:lstStyle>
          <a:p>
            <a:endParaRPr lang="en-RU"/>
          </a:p>
        </p:txBody>
      </p:sp>
      <p:sp>
        <p:nvSpPr>
          <p:cNvPr id="6" name="Slide Number Placeholder 5"/>
          <p:cNvSpPr>
            <a:spLocks noGrp="1"/>
          </p:cNvSpPr>
          <p:nvPr>
            <p:ph type="sldNum" sz="quarter" idx="4"/>
          </p:nvPr>
        </p:nvSpPr>
        <p:spPr>
          <a:xfrm>
            <a:off x="5339020" y="9909729"/>
            <a:ext cx="1700927" cy="569240"/>
          </a:xfrm>
          <a:prstGeom prst="rect">
            <a:avLst/>
          </a:prstGeom>
        </p:spPr>
        <p:txBody>
          <a:bodyPr vert="horz" lIns="91440" tIns="45720" rIns="91440" bIns="45720" rtlCol="0" anchor="ctr"/>
          <a:lstStyle>
            <a:lvl1pPr algn="r">
              <a:defRPr sz="992">
                <a:solidFill>
                  <a:schemeClr val="tx1">
                    <a:tint val="75000"/>
                  </a:schemeClr>
                </a:solidFill>
              </a:defRPr>
            </a:lvl1pPr>
          </a:lstStyle>
          <a:p>
            <a:fld id="{821D4F10-DF54-A44D-AEFD-1055442D8DFC}" type="slidenum">
              <a:rPr lang="en-RU" smtClean="0"/>
              <a:t>‹#›</a:t>
            </a:fld>
            <a:endParaRPr lang="en-RU"/>
          </a:p>
        </p:txBody>
      </p:sp>
    </p:spTree>
    <p:extLst>
      <p:ext uri="{BB962C8B-B14F-4D97-AF65-F5344CB8AC3E}">
        <p14:creationId xmlns:p14="http://schemas.microsoft.com/office/powerpoint/2010/main" val="4265199969"/>
      </p:ext>
    </p:extLst>
  </p:cSld>
  <p:clrMap bg1="lt1" tx1="dk1" bg2="lt2" tx2="dk2" accent1="accent1" accent2="accent2" accent3="accent3" accent4="accent4" accent5="accent5" accent6="accent6" hlink="hlink" folHlink="folHlink"/>
  <p:sldLayoutIdLst>
    <p:sldLayoutId id="2147483696" r:id="rId1"/>
    <p:sldLayoutId id="2147483703" r:id="rId2"/>
    <p:sldLayoutId id="2147483697" r:id="rId3"/>
    <p:sldLayoutId id="2147483698" r:id="rId4"/>
    <p:sldLayoutId id="2147483699" r:id="rId5"/>
    <p:sldLayoutId id="2147483701" r:id="rId6"/>
    <p:sldLayoutId id="2147483700" r:id="rId7"/>
    <p:sldLayoutId id="2147483702" r:id="rId8"/>
  </p:sldLayoutIdLst>
  <p:txStyles>
    <p:titleStyle>
      <a:lvl1pPr algn="l" defTabSz="755934" rtl="0" eaLnBrk="1" latinLnBrk="0" hangingPunct="1">
        <a:lnSpc>
          <a:spcPct val="90000"/>
        </a:lnSpc>
        <a:spcBef>
          <a:spcPct val="0"/>
        </a:spcBef>
        <a:buNone/>
        <a:defRPr sz="3637" kern="1200">
          <a:solidFill>
            <a:schemeClr val="tx1"/>
          </a:solidFill>
          <a:latin typeface="+mj-lt"/>
          <a:ea typeface="+mj-ea"/>
          <a:cs typeface="+mj-cs"/>
        </a:defRPr>
      </a:lvl1pPr>
    </p:titleStyle>
    <p:bodyStyle>
      <a:lvl1pPr marL="188984" indent="-188984" algn="l" defTabSz="755934" rtl="0" eaLnBrk="1" latinLnBrk="0" hangingPunct="1">
        <a:lnSpc>
          <a:spcPct val="90000"/>
        </a:lnSpc>
        <a:spcBef>
          <a:spcPts val="827"/>
        </a:spcBef>
        <a:buFont typeface="Arial" panose="020B0604020202020204" pitchFamily="34" charset="0"/>
        <a:buChar char="•"/>
        <a:defRPr sz="2315" kern="1200">
          <a:solidFill>
            <a:schemeClr val="tx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Char char="•"/>
        <a:defRPr sz="1984" kern="1200">
          <a:solidFill>
            <a:schemeClr val="tx1"/>
          </a:solidFill>
          <a:latin typeface="+mn-lt"/>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Char char="•"/>
        <a:defRPr sz="1653" kern="1200">
          <a:solidFill>
            <a:schemeClr val="tx1"/>
          </a:solidFill>
          <a:latin typeface="+mn-lt"/>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p:bodyStyle>
    <p:otherStyle>
      <a:defPPr>
        <a:defRPr lang="en-US"/>
      </a:defPPr>
      <a:lvl1pPr marL="0" algn="l" defTabSz="755934" rtl="0" eaLnBrk="1" latinLnBrk="0" hangingPunct="1">
        <a:defRPr sz="1488" kern="1200">
          <a:solidFill>
            <a:schemeClr val="tx1"/>
          </a:solidFill>
          <a:latin typeface="+mn-lt"/>
          <a:ea typeface="+mn-ea"/>
          <a:cs typeface="+mn-cs"/>
        </a:defRPr>
      </a:lvl1pPr>
      <a:lvl2pPr marL="377967" algn="l" defTabSz="755934" rtl="0" eaLnBrk="1" latinLnBrk="0" hangingPunct="1">
        <a:defRPr sz="1488" kern="1200">
          <a:solidFill>
            <a:schemeClr val="tx1"/>
          </a:solidFill>
          <a:latin typeface="+mn-lt"/>
          <a:ea typeface="+mn-ea"/>
          <a:cs typeface="+mn-cs"/>
        </a:defRPr>
      </a:lvl2pPr>
      <a:lvl3pPr marL="755934" algn="l" defTabSz="755934" rtl="0" eaLnBrk="1" latinLnBrk="0" hangingPunct="1">
        <a:defRPr sz="1488" kern="1200">
          <a:solidFill>
            <a:schemeClr val="tx1"/>
          </a:solidFill>
          <a:latin typeface="+mn-lt"/>
          <a:ea typeface="+mn-ea"/>
          <a:cs typeface="+mn-cs"/>
        </a:defRPr>
      </a:lvl3pPr>
      <a:lvl4pPr marL="1133902" algn="l" defTabSz="755934" rtl="0" eaLnBrk="1" latinLnBrk="0" hangingPunct="1">
        <a:defRPr sz="1488" kern="1200">
          <a:solidFill>
            <a:schemeClr val="tx1"/>
          </a:solidFill>
          <a:latin typeface="+mn-lt"/>
          <a:ea typeface="+mn-ea"/>
          <a:cs typeface="+mn-cs"/>
        </a:defRPr>
      </a:lvl4pPr>
      <a:lvl5pPr marL="1511869" algn="l" defTabSz="755934" rtl="0" eaLnBrk="1" latinLnBrk="0" hangingPunct="1">
        <a:defRPr sz="1488" kern="1200">
          <a:solidFill>
            <a:schemeClr val="tx1"/>
          </a:solidFill>
          <a:latin typeface="+mn-lt"/>
          <a:ea typeface="+mn-ea"/>
          <a:cs typeface="+mn-cs"/>
        </a:defRPr>
      </a:lvl5pPr>
      <a:lvl6pPr marL="1889836" algn="l" defTabSz="755934" rtl="0" eaLnBrk="1" latinLnBrk="0" hangingPunct="1">
        <a:defRPr sz="1488" kern="1200">
          <a:solidFill>
            <a:schemeClr val="tx1"/>
          </a:solidFill>
          <a:latin typeface="+mn-lt"/>
          <a:ea typeface="+mn-ea"/>
          <a:cs typeface="+mn-cs"/>
        </a:defRPr>
      </a:lvl6pPr>
      <a:lvl7pPr marL="2267803" algn="l" defTabSz="755934" rtl="0" eaLnBrk="1" latinLnBrk="0" hangingPunct="1">
        <a:defRPr sz="1488" kern="1200">
          <a:solidFill>
            <a:schemeClr val="tx1"/>
          </a:solidFill>
          <a:latin typeface="+mn-lt"/>
          <a:ea typeface="+mn-ea"/>
          <a:cs typeface="+mn-cs"/>
        </a:defRPr>
      </a:lvl7pPr>
      <a:lvl8pPr marL="2645771" algn="l" defTabSz="755934" rtl="0" eaLnBrk="1" latinLnBrk="0" hangingPunct="1">
        <a:defRPr sz="1488" kern="1200">
          <a:solidFill>
            <a:schemeClr val="tx1"/>
          </a:solidFill>
          <a:latin typeface="+mn-lt"/>
          <a:ea typeface="+mn-ea"/>
          <a:cs typeface="+mn-cs"/>
        </a:defRPr>
      </a:lvl8pPr>
      <a:lvl9pPr marL="3023738" algn="l" defTabSz="755934" rtl="0" eaLnBrk="1" latinLnBrk="0" hangingPunct="1">
        <a:defRPr sz="1488"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Layout" Target="../slideLayouts/slideLayout2.xml"/></Relationships>
</file>

<file path=ppt/slides/_rels/slide10.xml.rels><?xml version="1.0" encoding="UTF-8" standalone="yes"?>
<Relationships xmlns="http://schemas.openxmlformats.org/package/2006/relationships"><Relationship Id="rId2" Type="http://schemas.openxmlformats.org/officeDocument/2006/relationships/image" Target="../media/image16.jpeg"/><Relationship Id="rId1" Type="http://schemas.openxmlformats.org/officeDocument/2006/relationships/slideLayout" Target="../slideLayouts/slideLayout4.xml"/></Relationships>
</file>

<file path=ppt/slides/_rels/slide11.xml.rels><?xml version="1.0" encoding="UTF-8" standalone="yes"?>
<Relationships xmlns="http://schemas.openxmlformats.org/package/2006/relationships"><Relationship Id="rId3" Type="http://schemas.openxmlformats.org/officeDocument/2006/relationships/image" Target="../media/image18.emf"/><Relationship Id="rId2" Type="http://schemas.openxmlformats.org/officeDocument/2006/relationships/image" Target="../media/image17.png"/><Relationship Id="rId1" Type="http://schemas.openxmlformats.org/officeDocument/2006/relationships/slideLayout" Target="../slideLayouts/slideLayout5.xml"/><Relationship Id="rId5" Type="http://schemas.openxmlformats.org/officeDocument/2006/relationships/image" Target="../media/image20.png"/><Relationship Id="rId4" Type="http://schemas.openxmlformats.org/officeDocument/2006/relationships/image" Target="../media/image19.png"/></Relationships>
</file>

<file path=ppt/slides/_rels/slide12.xml.rels><?xml version="1.0" encoding="UTF-8" standalone="yes"?>
<Relationships xmlns="http://schemas.openxmlformats.org/package/2006/relationships"><Relationship Id="rId2" Type="http://schemas.openxmlformats.org/officeDocument/2006/relationships/image" Target="../media/image21.png"/><Relationship Id="rId1" Type="http://schemas.openxmlformats.org/officeDocument/2006/relationships/slideLayout" Target="../slideLayouts/slideLayout5.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8.xml.rels><?xml version="1.0" encoding="UTF-8" standalone="yes"?>
<Relationships xmlns="http://schemas.openxmlformats.org/package/2006/relationships"><Relationship Id="rId3" Type="http://schemas.openxmlformats.org/officeDocument/2006/relationships/image" Target="../media/image10.emf"/><Relationship Id="rId2" Type="http://schemas.openxmlformats.org/officeDocument/2006/relationships/image" Target="../media/image13.emf"/><Relationship Id="rId1" Type="http://schemas.openxmlformats.org/officeDocument/2006/relationships/slideLayout" Target="../slideLayouts/slideLayout5.xml"/></Relationships>
</file>

<file path=ppt/slides/_rels/slide19.xml.rels><?xml version="1.0" encoding="UTF-8" standalone="yes"?>
<Relationships xmlns="http://schemas.openxmlformats.org/package/2006/relationships"><Relationship Id="rId3" Type="http://schemas.openxmlformats.org/officeDocument/2006/relationships/image" Target="../media/image23.emf"/><Relationship Id="rId2" Type="http://schemas.openxmlformats.org/officeDocument/2006/relationships/image" Target="../media/image22.emf"/><Relationship Id="rId1" Type="http://schemas.openxmlformats.org/officeDocument/2006/relationships/slideLayout" Target="../slideLayouts/slideLayout5.xml"/><Relationship Id="rId4" Type="http://schemas.openxmlformats.org/officeDocument/2006/relationships/image" Target="../media/image24.emf"/></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5.xml.rels><?xml version="1.0" encoding="UTF-8" standalone="yes"?>
<Relationships xmlns="http://schemas.openxmlformats.org/package/2006/relationships"><Relationship Id="rId2" Type="http://schemas.openxmlformats.org/officeDocument/2006/relationships/image" Target="../media/image25.jpeg"/><Relationship Id="rId1" Type="http://schemas.openxmlformats.org/officeDocument/2006/relationships/slideLayout" Target="../slideLayouts/slideLayout5.xml"/></Relationships>
</file>

<file path=ppt/slides/_rels/slide26.xml.rels><?xml version="1.0" encoding="UTF-8" standalone="yes"?>
<Relationships xmlns="http://schemas.openxmlformats.org/package/2006/relationships"><Relationship Id="rId3" Type="http://schemas.openxmlformats.org/officeDocument/2006/relationships/image" Target="../media/image27.jpeg"/><Relationship Id="rId2" Type="http://schemas.openxmlformats.org/officeDocument/2006/relationships/image" Target="../media/image26.jpeg"/><Relationship Id="rId1" Type="http://schemas.openxmlformats.org/officeDocument/2006/relationships/slideLayout" Target="../slideLayouts/slideLayout7.xml"/><Relationship Id="rId4" Type="http://schemas.openxmlformats.org/officeDocument/2006/relationships/image" Target="../media/image12.png"/></Relationships>
</file>

<file path=ppt/slides/_rels/slide27.xml.rels><?xml version="1.0" encoding="UTF-8" standalone="yes"?>
<Relationships xmlns="http://schemas.openxmlformats.org/package/2006/relationships"><Relationship Id="rId2" Type="http://schemas.openxmlformats.org/officeDocument/2006/relationships/image" Target="../media/image28.jpeg"/><Relationship Id="rId1" Type="http://schemas.openxmlformats.org/officeDocument/2006/relationships/slideLayout" Target="../slideLayouts/slideLayout4.xml"/></Relationships>
</file>

<file path=ppt/slides/_rels/slide28.xml.rels><?xml version="1.0" encoding="UTF-8" standalone="yes"?>
<Relationships xmlns="http://schemas.openxmlformats.org/package/2006/relationships"><Relationship Id="rId8" Type="http://schemas.openxmlformats.org/officeDocument/2006/relationships/image" Target="../media/image30.png"/><Relationship Id="rId13" Type="http://schemas.openxmlformats.org/officeDocument/2006/relationships/image" Target="../media/image33.jpeg"/><Relationship Id="rId3" Type="http://schemas.openxmlformats.org/officeDocument/2006/relationships/image" Target="../media/image10.emf"/><Relationship Id="rId7" Type="http://schemas.openxmlformats.org/officeDocument/2006/relationships/hyperlink" Target="https://www.studentcivicengagers.eu/" TargetMode="External"/><Relationship Id="rId12" Type="http://schemas.openxmlformats.org/officeDocument/2006/relationships/image" Target="../media/image32.png"/><Relationship Id="rId2" Type="http://schemas.openxmlformats.org/officeDocument/2006/relationships/image" Target="../media/image13.emf"/><Relationship Id="rId1" Type="http://schemas.openxmlformats.org/officeDocument/2006/relationships/slideLayout" Target="../slideLayouts/slideLayout5.xml"/><Relationship Id="rId6" Type="http://schemas.openxmlformats.org/officeDocument/2006/relationships/image" Target="../media/image29.png"/><Relationship Id="rId11" Type="http://schemas.openxmlformats.org/officeDocument/2006/relationships/hyperlink" Target="https://www.studentcivicengagers.eu/toolkit-en/" TargetMode="External"/><Relationship Id="rId5" Type="http://schemas.openxmlformats.org/officeDocument/2006/relationships/image" Target="../media/image23.emf"/><Relationship Id="rId10" Type="http://schemas.openxmlformats.org/officeDocument/2006/relationships/image" Target="../media/image31.png"/><Relationship Id="rId4" Type="http://schemas.openxmlformats.org/officeDocument/2006/relationships/image" Target="../media/image24.emf"/><Relationship Id="rId9" Type="http://schemas.openxmlformats.org/officeDocument/2006/relationships/hyperlink" Target="https://www.studentcivicengagers.eu/guide-to-digital-civic-engagement-en/" TargetMode="External"/></Relationships>
</file>

<file path=ppt/slides/_rels/slide29.xml.rels><?xml version="1.0" encoding="UTF-8" standalone="yes"?>
<Relationships xmlns="http://schemas.openxmlformats.org/package/2006/relationships"><Relationship Id="rId8" Type="http://schemas.openxmlformats.org/officeDocument/2006/relationships/image" Target="../media/image34.png"/><Relationship Id="rId13" Type="http://schemas.openxmlformats.org/officeDocument/2006/relationships/hyperlink" Target="https://www.youtube.com/watch?v=qAIolKgDPrA" TargetMode="External"/><Relationship Id="rId3" Type="http://schemas.openxmlformats.org/officeDocument/2006/relationships/image" Target="../media/image10.emf"/><Relationship Id="rId7" Type="http://schemas.openxmlformats.org/officeDocument/2006/relationships/hyperlink" Target="https://www.youtube.com/watch?v=x6bNwmrBPXI" TargetMode="External"/><Relationship Id="rId12" Type="http://schemas.openxmlformats.org/officeDocument/2006/relationships/hyperlink" Target="https://www.studentcivicengagers.eu/guide-to-digital-civic-engagement-en/" TargetMode="External"/><Relationship Id="rId17" Type="http://schemas.openxmlformats.org/officeDocument/2006/relationships/image" Target="../media/image37.png"/><Relationship Id="rId2" Type="http://schemas.openxmlformats.org/officeDocument/2006/relationships/image" Target="../media/image13.emf"/><Relationship Id="rId16" Type="http://schemas.openxmlformats.org/officeDocument/2006/relationships/hyperlink" Target="https://www.youtube.com/watch?v=NpCzIniPZDU" TargetMode="External"/><Relationship Id="rId1" Type="http://schemas.openxmlformats.org/officeDocument/2006/relationships/slideLayout" Target="../slideLayouts/slideLayout5.xml"/><Relationship Id="rId6" Type="http://schemas.openxmlformats.org/officeDocument/2006/relationships/image" Target="../media/image29.png"/><Relationship Id="rId11" Type="http://schemas.openxmlformats.org/officeDocument/2006/relationships/image" Target="../media/image35.png"/><Relationship Id="rId5" Type="http://schemas.openxmlformats.org/officeDocument/2006/relationships/image" Target="../media/image23.emf"/><Relationship Id="rId15" Type="http://schemas.openxmlformats.org/officeDocument/2006/relationships/hyperlink" Target="https://www.studentcivicengagers.eu/toolkit-en/" TargetMode="External"/><Relationship Id="rId10" Type="http://schemas.openxmlformats.org/officeDocument/2006/relationships/hyperlink" Target="https://www.youtube.com/watch?v=pfZsC7lfqjo&amp;t" TargetMode="External"/><Relationship Id="rId4" Type="http://schemas.openxmlformats.org/officeDocument/2006/relationships/image" Target="../media/image24.emf"/><Relationship Id="rId9" Type="http://schemas.openxmlformats.org/officeDocument/2006/relationships/hyperlink" Target="https://www.studentcivicengagers.eu/" TargetMode="External"/><Relationship Id="rId14" Type="http://schemas.openxmlformats.org/officeDocument/2006/relationships/image" Target="../media/image36.png"/></Relationships>
</file>

<file path=ppt/slides/_rels/slide3.xml.rels><?xml version="1.0" encoding="UTF-8" standalone="yes"?>
<Relationships xmlns="http://schemas.openxmlformats.org/package/2006/relationships"><Relationship Id="rId2" Type="http://schemas.openxmlformats.org/officeDocument/2006/relationships/image" Target="../media/image7.jpeg"/><Relationship Id="rId1" Type="http://schemas.openxmlformats.org/officeDocument/2006/relationships/slideLayout" Target="../slideLayouts/slideLayout4.xml"/></Relationships>
</file>

<file path=ppt/slides/_rels/slide30.xml.rels><?xml version="1.0" encoding="UTF-8" standalone="yes"?>
<Relationships xmlns="http://schemas.openxmlformats.org/package/2006/relationships"><Relationship Id="rId2" Type="http://schemas.openxmlformats.org/officeDocument/2006/relationships/image" Target="../media/image38.png"/><Relationship Id="rId1" Type="http://schemas.openxmlformats.org/officeDocument/2006/relationships/slideLayout" Target="../slideLayouts/slideLayout8.xml"/></Relationships>
</file>

<file path=ppt/slides/_rels/slide4.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hyperlink" Target="https://www.studentcivicengagers.eu/" TargetMode="External"/><Relationship Id="rId1" Type="http://schemas.openxmlformats.org/officeDocument/2006/relationships/slideLayout" Target="../slideLayouts/slideLayout5.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6.xml.rels><?xml version="1.0" encoding="UTF-8" standalone="yes"?>
<Relationships xmlns="http://schemas.openxmlformats.org/package/2006/relationships"><Relationship Id="rId2" Type="http://schemas.openxmlformats.org/officeDocument/2006/relationships/image" Target="../media/image9.jpeg"/><Relationship Id="rId1" Type="http://schemas.openxmlformats.org/officeDocument/2006/relationships/slideLayout" Target="../slideLayouts/slideLayout4.xml"/></Relationships>
</file>

<file path=ppt/slides/_rels/slide7.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0.emf"/><Relationship Id="rId1" Type="http://schemas.openxmlformats.org/officeDocument/2006/relationships/slideLayout" Target="../slideLayouts/slideLayout5.xml"/><Relationship Id="rId6" Type="http://schemas.openxmlformats.org/officeDocument/2006/relationships/image" Target="../media/image14.png"/><Relationship Id="rId5" Type="http://schemas.openxmlformats.org/officeDocument/2006/relationships/image" Target="../media/image13.emf"/><Relationship Id="rId4" Type="http://schemas.openxmlformats.org/officeDocument/2006/relationships/image" Target="../media/image12.png"/></Relationships>
</file>

<file path=ppt/slides/_rels/slide8.xml.rels><?xml version="1.0" encoding="UTF-8" standalone="yes"?>
<Relationships xmlns="http://schemas.openxmlformats.org/package/2006/relationships"><Relationship Id="rId2" Type="http://schemas.openxmlformats.org/officeDocument/2006/relationships/image" Target="../media/image15.jpeg"/><Relationship Id="rId1" Type="http://schemas.openxmlformats.org/officeDocument/2006/relationships/slideLayout" Target="../slideLayouts/slideLayout4.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Placeholder 6">
            <a:extLst>
              <a:ext uri="{FF2B5EF4-FFF2-40B4-BE49-F238E27FC236}">
                <a16:creationId xmlns:a16="http://schemas.microsoft.com/office/drawing/2014/main" id="{DCB12F7C-6C1E-604F-A045-1FD8863DD2CA}"/>
              </a:ext>
            </a:extLst>
          </p:cNvPr>
          <p:cNvPicPr>
            <a:picLocks noGrp="1" noChangeAspect="1"/>
          </p:cNvPicPr>
          <p:nvPr>
            <p:ph type="pic" sz="quarter" idx="10"/>
          </p:nvPr>
        </p:nvPicPr>
        <p:blipFill rotWithShape="1">
          <a:blip r:embed="rId2" cstate="email">
            <a:extLst>
              <a:ext uri="{28A0092B-C50C-407E-A947-70E740481C1C}">
                <a14:useLocalDpi xmlns:a14="http://schemas.microsoft.com/office/drawing/2010/main"/>
              </a:ext>
            </a:extLst>
          </a:blip>
          <a:srcRect l="362" r="362"/>
          <a:stretch/>
        </p:blipFill>
        <p:spPr/>
      </p:pic>
      <p:sp>
        <p:nvSpPr>
          <p:cNvPr id="5" name="Text Placeholder 4">
            <a:extLst>
              <a:ext uri="{FF2B5EF4-FFF2-40B4-BE49-F238E27FC236}">
                <a16:creationId xmlns:a16="http://schemas.microsoft.com/office/drawing/2014/main" id="{1F72A972-5AE3-E740-8E97-F69F678D983B}"/>
              </a:ext>
            </a:extLst>
          </p:cNvPr>
          <p:cNvSpPr>
            <a:spLocks noGrp="1"/>
          </p:cNvSpPr>
          <p:nvPr>
            <p:ph type="body" sz="quarter" idx="16"/>
          </p:nvPr>
        </p:nvSpPr>
        <p:spPr>
          <a:xfrm>
            <a:off x="3385971" y="6536656"/>
            <a:ext cx="4189201" cy="1485654"/>
          </a:xfrm>
        </p:spPr>
        <p:txBody>
          <a:bodyPr>
            <a:noAutofit/>
          </a:bodyPr>
          <a:lstStyle/>
          <a:p>
            <a:r>
              <a:rPr lang="et-EE" b="1"/>
              <a:t>Pedagoogiline juhend digitaalse kodanikuosaluse õpetamiseks (IO3):</a:t>
            </a:r>
            <a:endParaRPr lang="en-LB"/>
          </a:p>
          <a:p>
            <a:r>
              <a:rPr lang="en-GB" sz="2400" dirty="0"/>
              <a:t>Avatud õppevara</a:t>
            </a:r>
          </a:p>
        </p:txBody>
      </p:sp>
    </p:spTree>
    <p:extLst>
      <p:ext uri="{BB962C8B-B14F-4D97-AF65-F5344CB8AC3E}">
        <p14:creationId xmlns:p14="http://schemas.microsoft.com/office/powerpoint/2010/main" val="3355782825"/>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Placeholder 4">
            <a:extLst>
              <a:ext uri="{FF2B5EF4-FFF2-40B4-BE49-F238E27FC236}">
                <a16:creationId xmlns:a16="http://schemas.microsoft.com/office/drawing/2014/main" id="{0A4AB17E-3F2E-A54B-A2CD-1E4B39EF6552}"/>
              </a:ext>
            </a:extLst>
          </p:cNvPr>
          <p:cNvPicPr>
            <a:picLocks noGrp="1" noChangeAspect="1"/>
          </p:cNvPicPr>
          <p:nvPr>
            <p:ph type="pic" sz="quarter" idx="10"/>
          </p:nvPr>
        </p:nvPicPr>
        <p:blipFill>
          <a:blip r:embed="rId2" cstate="email">
            <a:extLst>
              <a:ext uri="{28A0092B-C50C-407E-A947-70E740481C1C}">
                <a14:useLocalDpi xmlns:a14="http://schemas.microsoft.com/office/drawing/2010/main"/>
              </a:ext>
            </a:extLst>
          </a:blip>
          <a:srcRect t="7397" b="7397"/>
          <a:stretch>
            <a:fillRect/>
          </a:stretch>
        </p:blipFill>
        <p:spPr/>
      </p:pic>
      <p:sp>
        <p:nvSpPr>
          <p:cNvPr id="7" name="Rectangle 6">
            <a:extLst>
              <a:ext uri="{FF2B5EF4-FFF2-40B4-BE49-F238E27FC236}">
                <a16:creationId xmlns:a16="http://schemas.microsoft.com/office/drawing/2014/main" id="{1C38084F-2D3E-0342-B1B0-D3645C246A1F}"/>
              </a:ext>
            </a:extLst>
          </p:cNvPr>
          <p:cNvSpPr/>
          <p:nvPr/>
        </p:nvSpPr>
        <p:spPr>
          <a:xfrm>
            <a:off x="2163995" y="4547530"/>
            <a:ext cx="3591185"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8" name="Rectangle 7">
            <a:extLst>
              <a:ext uri="{FF2B5EF4-FFF2-40B4-BE49-F238E27FC236}">
                <a16:creationId xmlns:a16="http://schemas.microsoft.com/office/drawing/2014/main" id="{E5612AE0-FDC3-2449-BC5B-A9450905A8CA}"/>
              </a:ext>
            </a:extLst>
          </p:cNvPr>
          <p:cNvSpPr/>
          <p:nvPr/>
        </p:nvSpPr>
        <p:spPr>
          <a:xfrm>
            <a:off x="2146064" y="3033232"/>
            <a:ext cx="5408654"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9" name="Rectangle 8">
            <a:extLst>
              <a:ext uri="{FF2B5EF4-FFF2-40B4-BE49-F238E27FC236}">
                <a16:creationId xmlns:a16="http://schemas.microsoft.com/office/drawing/2014/main" id="{73F4A986-1762-AE47-89CD-2B6BFAA979F3}"/>
              </a:ext>
            </a:extLst>
          </p:cNvPr>
          <p:cNvSpPr/>
          <p:nvPr/>
        </p:nvSpPr>
        <p:spPr>
          <a:xfrm>
            <a:off x="2146065" y="3776565"/>
            <a:ext cx="4645879"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0" name="Text Placeholder 3">
            <a:extLst>
              <a:ext uri="{FF2B5EF4-FFF2-40B4-BE49-F238E27FC236}">
                <a16:creationId xmlns:a16="http://schemas.microsoft.com/office/drawing/2014/main" id="{5B5A5C29-CF94-DB4F-AB2B-DE2F1F0D947A}"/>
              </a:ext>
            </a:extLst>
          </p:cNvPr>
          <p:cNvSpPr txBox="1">
            <a:spLocks/>
          </p:cNvSpPr>
          <p:nvPr/>
        </p:nvSpPr>
        <p:spPr>
          <a:xfrm>
            <a:off x="2151021" y="2322960"/>
            <a:ext cx="5408654" cy="618678"/>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ct val="100000"/>
              </a:lnSpc>
              <a:spcBef>
                <a:spcPts val="1300"/>
              </a:spcBef>
              <a:spcAft>
                <a:spcPts val="600"/>
              </a:spcAft>
            </a:pPr>
            <a:r>
              <a:rPr lang="en-US" b="1" dirty="0"/>
              <a:t>4.	AVATUD ÕPPEVARA</a:t>
            </a:r>
          </a:p>
        </p:txBody>
      </p:sp>
      <p:grpSp>
        <p:nvGrpSpPr>
          <p:cNvPr id="11" name="Graphic 7">
            <a:extLst>
              <a:ext uri="{FF2B5EF4-FFF2-40B4-BE49-F238E27FC236}">
                <a16:creationId xmlns:a16="http://schemas.microsoft.com/office/drawing/2014/main" id="{168043B2-2EFE-D849-A797-7F73A17A22BF}"/>
              </a:ext>
            </a:extLst>
          </p:cNvPr>
          <p:cNvGrpSpPr/>
          <p:nvPr/>
        </p:nvGrpSpPr>
        <p:grpSpPr>
          <a:xfrm>
            <a:off x="4989062" y="5299363"/>
            <a:ext cx="800048" cy="208517"/>
            <a:chOff x="63925" y="4378813"/>
            <a:chExt cx="7430837" cy="1936702"/>
          </a:xfrm>
          <a:solidFill>
            <a:schemeClr val="bg1"/>
          </a:solidFill>
        </p:grpSpPr>
        <p:sp>
          <p:nvSpPr>
            <p:cNvPr id="12" name="Freeform 11">
              <a:extLst>
                <a:ext uri="{FF2B5EF4-FFF2-40B4-BE49-F238E27FC236}">
                  <a16:creationId xmlns:a16="http://schemas.microsoft.com/office/drawing/2014/main" id="{47E7513C-6B8A-BE47-84E2-EC7676A77EC1}"/>
                </a:ext>
              </a:extLst>
            </p:cNvPr>
            <p:cNvSpPr/>
            <p:nvPr/>
          </p:nvSpPr>
          <p:spPr>
            <a:xfrm>
              <a:off x="63925"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014" y="805716"/>
                    <a:pt x="0" y="625111"/>
                    <a:pt x="0" y="402723"/>
                  </a:cubicBezTo>
                  <a:cubicBezTo>
                    <a:pt x="0" y="180336"/>
                    <a:pt x="180014" y="0"/>
                    <a:pt x="402494" y="0"/>
                  </a:cubicBezTo>
                  <a:cubicBezTo>
                    <a:pt x="624795" y="0"/>
                    <a:pt x="804899" y="180336"/>
                    <a:pt x="804899" y="402723"/>
                  </a:cubicBezTo>
                </a:path>
              </a:pathLst>
            </a:custGeom>
            <a:grp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A54B9300-E01D-3A4E-96E6-CCF2496AFDF9}"/>
                </a:ext>
              </a:extLst>
            </p:cNvPr>
            <p:cNvSpPr/>
            <p:nvPr/>
          </p:nvSpPr>
          <p:spPr>
            <a:xfrm>
              <a:off x="1519117"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283" y="805716"/>
                    <a:pt x="0" y="625111"/>
                    <a:pt x="0" y="402723"/>
                  </a:cubicBezTo>
                  <a:cubicBezTo>
                    <a:pt x="0" y="180336"/>
                    <a:pt x="180283" y="0"/>
                    <a:pt x="402494"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4" name="Freeform 13">
              <a:extLst>
                <a:ext uri="{FF2B5EF4-FFF2-40B4-BE49-F238E27FC236}">
                  <a16:creationId xmlns:a16="http://schemas.microsoft.com/office/drawing/2014/main" id="{2A89922F-9124-DC4D-8803-B42D9DD22FC1}"/>
                </a:ext>
              </a:extLst>
            </p:cNvPr>
            <p:cNvSpPr/>
            <p:nvPr/>
          </p:nvSpPr>
          <p:spPr>
            <a:xfrm>
              <a:off x="2974220" y="4378813"/>
              <a:ext cx="805078" cy="805716"/>
            </a:xfrm>
            <a:custGeom>
              <a:avLst/>
              <a:gdLst>
                <a:gd name="connsiteX0" fmla="*/ 805079 w 805078"/>
                <a:gd name="connsiteY0" fmla="*/ 402723 h 805716"/>
                <a:gd name="connsiteX1" fmla="*/ 402674 w 805078"/>
                <a:gd name="connsiteY1" fmla="*/ 805716 h 805716"/>
                <a:gd name="connsiteX2" fmla="*/ 0 w 805078"/>
                <a:gd name="connsiteY2" fmla="*/ 402723 h 805716"/>
                <a:gd name="connsiteX3" fmla="*/ 402674 w 805078"/>
                <a:gd name="connsiteY3" fmla="*/ 0 h 805716"/>
                <a:gd name="connsiteX4" fmla="*/ 805079 w 80507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716">
                  <a:moveTo>
                    <a:pt x="805079" y="402723"/>
                  </a:moveTo>
                  <a:cubicBezTo>
                    <a:pt x="805079" y="625111"/>
                    <a:pt x="624885" y="805716"/>
                    <a:pt x="402674" y="805716"/>
                  </a:cubicBezTo>
                  <a:cubicBezTo>
                    <a:pt x="180463" y="805716"/>
                    <a:pt x="0" y="625111"/>
                    <a:pt x="0" y="402723"/>
                  </a:cubicBezTo>
                  <a:cubicBezTo>
                    <a:pt x="0" y="180336"/>
                    <a:pt x="180463" y="0"/>
                    <a:pt x="402674" y="0"/>
                  </a:cubicBezTo>
                  <a:cubicBezTo>
                    <a:pt x="624885" y="0"/>
                    <a:pt x="805079" y="180336"/>
                    <a:pt x="805079" y="402723"/>
                  </a:cubicBezTo>
                </a:path>
              </a:pathLst>
            </a:custGeom>
            <a:grp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19B27E67-EBCB-5843-9CAD-5ABAF01EE72A}"/>
                </a:ext>
              </a:extLst>
            </p:cNvPr>
            <p:cNvSpPr/>
            <p:nvPr/>
          </p:nvSpPr>
          <p:spPr>
            <a:xfrm>
              <a:off x="4429502"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96" y="0"/>
                    <a:pt x="804899" y="180336"/>
                    <a:pt x="804899" y="402723"/>
                  </a:cubicBezTo>
                </a:path>
              </a:pathLst>
            </a:custGeom>
            <a:grp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9ABE38CE-7ADA-0A47-8747-A41F80E35467}"/>
                </a:ext>
              </a:extLst>
            </p:cNvPr>
            <p:cNvSpPr/>
            <p:nvPr/>
          </p:nvSpPr>
          <p:spPr>
            <a:xfrm>
              <a:off x="5884695"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7" name="Freeform 16">
              <a:extLst>
                <a:ext uri="{FF2B5EF4-FFF2-40B4-BE49-F238E27FC236}">
                  <a16:creationId xmlns:a16="http://schemas.microsoft.com/office/drawing/2014/main" id="{74382A37-E1A1-9C43-80C1-F0E1950D6C7B}"/>
                </a:ext>
              </a:extLst>
            </p:cNvPr>
            <p:cNvSpPr/>
            <p:nvPr/>
          </p:nvSpPr>
          <p:spPr>
            <a:xfrm>
              <a:off x="86882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193" y="805627"/>
                    <a:pt x="0" y="625201"/>
                    <a:pt x="0" y="402724"/>
                  </a:cubicBezTo>
                  <a:cubicBezTo>
                    <a:pt x="0" y="180336"/>
                    <a:pt x="180193" y="0"/>
                    <a:pt x="402674" y="0"/>
                  </a:cubicBezTo>
                  <a:cubicBezTo>
                    <a:pt x="624975" y="0"/>
                    <a:pt x="805079" y="180246"/>
                    <a:pt x="805079" y="402724"/>
                  </a:cubicBezTo>
                </a:path>
              </a:pathLst>
            </a:custGeom>
            <a:grpFill/>
            <a:ln w="8971" cap="flat">
              <a:noFill/>
              <a:prstDash val="solid"/>
              <a:miter/>
            </a:ln>
          </p:spPr>
          <p:txBody>
            <a:bodyPr rtlCol="0" anchor="ctr"/>
            <a:lstStyle/>
            <a:p>
              <a:endParaRPr lang="en-RU"/>
            </a:p>
          </p:txBody>
        </p:sp>
        <p:sp>
          <p:nvSpPr>
            <p:cNvPr id="18" name="Freeform 17">
              <a:extLst>
                <a:ext uri="{FF2B5EF4-FFF2-40B4-BE49-F238E27FC236}">
                  <a16:creationId xmlns:a16="http://schemas.microsoft.com/office/drawing/2014/main" id="{D545C0D4-B9C3-964C-86E8-1F8505A11873}"/>
                </a:ext>
              </a:extLst>
            </p:cNvPr>
            <p:cNvSpPr/>
            <p:nvPr/>
          </p:nvSpPr>
          <p:spPr>
            <a:xfrm>
              <a:off x="2324106"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463" y="805627"/>
                    <a:pt x="0" y="625201"/>
                    <a:pt x="0" y="402724"/>
                  </a:cubicBezTo>
                  <a:cubicBezTo>
                    <a:pt x="0" y="180336"/>
                    <a:pt x="180463" y="0"/>
                    <a:pt x="402674" y="0"/>
                  </a:cubicBezTo>
                  <a:cubicBezTo>
                    <a:pt x="624885" y="0"/>
                    <a:pt x="805079" y="180246"/>
                    <a:pt x="805079" y="402724"/>
                  </a:cubicBezTo>
                </a:path>
              </a:pathLst>
            </a:custGeom>
            <a:grpFill/>
            <a:ln w="8971" cap="flat">
              <a:noFill/>
              <a:prstDash val="solid"/>
              <a:miter/>
            </a:ln>
          </p:spPr>
          <p:txBody>
            <a:bodyPr rtlCol="0" anchor="ctr"/>
            <a:lstStyle/>
            <a:p>
              <a:endParaRPr lang="en-RU"/>
            </a:p>
          </p:txBody>
        </p:sp>
        <p:sp>
          <p:nvSpPr>
            <p:cNvPr id="19" name="Freeform 18">
              <a:extLst>
                <a:ext uri="{FF2B5EF4-FFF2-40B4-BE49-F238E27FC236}">
                  <a16:creationId xmlns:a16="http://schemas.microsoft.com/office/drawing/2014/main" id="{1E2AF264-2D37-2A45-9217-3B2EE2BFB228}"/>
                </a:ext>
              </a:extLst>
            </p:cNvPr>
            <p:cNvSpPr/>
            <p:nvPr/>
          </p:nvSpPr>
          <p:spPr>
            <a:xfrm>
              <a:off x="3779298"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3" y="805627"/>
                    <a:pt x="0" y="625201"/>
                    <a:pt x="0" y="402724"/>
                  </a:cubicBezTo>
                  <a:cubicBezTo>
                    <a:pt x="0" y="180336"/>
                    <a:pt x="180463"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0" name="Freeform 19">
              <a:extLst>
                <a:ext uri="{FF2B5EF4-FFF2-40B4-BE49-F238E27FC236}">
                  <a16:creationId xmlns:a16="http://schemas.microsoft.com/office/drawing/2014/main" id="{4923A640-D3E9-A149-A697-E957D56BD109}"/>
                </a:ext>
              </a:extLst>
            </p:cNvPr>
            <p:cNvSpPr/>
            <p:nvPr/>
          </p:nvSpPr>
          <p:spPr>
            <a:xfrm>
              <a:off x="5234401"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2" y="805627"/>
                    <a:pt x="0" y="625201"/>
                    <a:pt x="0" y="402724"/>
                  </a:cubicBezTo>
                  <a:cubicBezTo>
                    <a:pt x="0" y="180336"/>
                    <a:pt x="180462"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1" name="Freeform 20">
              <a:extLst>
                <a:ext uri="{FF2B5EF4-FFF2-40B4-BE49-F238E27FC236}">
                  <a16:creationId xmlns:a16="http://schemas.microsoft.com/office/drawing/2014/main" id="{C10EE828-F04D-014F-8B27-1E977094B674}"/>
                </a:ext>
              </a:extLst>
            </p:cNvPr>
            <p:cNvSpPr/>
            <p:nvPr/>
          </p:nvSpPr>
          <p:spPr>
            <a:xfrm>
              <a:off x="668968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6" y="805627"/>
                    <a:pt x="402674" y="805627"/>
                  </a:cubicBezTo>
                  <a:cubicBezTo>
                    <a:pt x="180463" y="805627"/>
                    <a:pt x="0" y="625201"/>
                    <a:pt x="0" y="402724"/>
                  </a:cubicBezTo>
                  <a:cubicBezTo>
                    <a:pt x="0" y="180336"/>
                    <a:pt x="180463" y="0"/>
                    <a:pt x="402674" y="0"/>
                  </a:cubicBezTo>
                  <a:cubicBezTo>
                    <a:pt x="624886" y="0"/>
                    <a:pt x="805079" y="180246"/>
                    <a:pt x="805079" y="402724"/>
                  </a:cubicBezTo>
                </a:path>
              </a:pathLst>
            </a:custGeom>
            <a:grpFill/>
            <a:ln w="8971" cap="flat">
              <a:noFill/>
              <a:prstDash val="solid"/>
              <a:miter/>
            </a:ln>
          </p:spPr>
          <p:txBody>
            <a:bodyPr rtlCol="0" anchor="ctr"/>
            <a:lstStyle/>
            <a:p>
              <a:endParaRPr lang="en-RU"/>
            </a:p>
          </p:txBody>
        </p:sp>
      </p:grpSp>
      <p:sp>
        <p:nvSpPr>
          <p:cNvPr id="2" name="Text Placeholder 3">
            <a:extLst>
              <a:ext uri="{FF2B5EF4-FFF2-40B4-BE49-F238E27FC236}">
                <a16:creationId xmlns:a16="http://schemas.microsoft.com/office/drawing/2014/main" id="{5D4A3320-BBE9-4F5A-9080-F766B87BA140}"/>
              </a:ext>
            </a:extLst>
          </p:cNvPr>
          <p:cNvSpPr txBox="1">
            <a:spLocks/>
          </p:cNvSpPr>
          <p:nvPr/>
        </p:nvSpPr>
        <p:spPr>
          <a:xfrm>
            <a:off x="2913796" y="2935008"/>
            <a:ext cx="4645879" cy="669632"/>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ts val="5300"/>
              </a:lnSpc>
              <a:spcBef>
                <a:spcPts val="1300"/>
              </a:spcBef>
              <a:spcAft>
                <a:spcPts val="600"/>
              </a:spcAft>
            </a:pPr>
            <a:r>
              <a:rPr lang="en-US" b="1" dirty="0"/>
              <a:t>KASUTAMINE (OERS EHK</a:t>
            </a:r>
            <a:endParaRPr lang="en-RU" b="1" i="1" dirty="0"/>
          </a:p>
        </p:txBody>
      </p:sp>
      <p:sp>
        <p:nvSpPr>
          <p:cNvPr id="4" name="Text Placeholder 3">
            <a:extLst>
              <a:ext uri="{FF2B5EF4-FFF2-40B4-BE49-F238E27FC236}">
                <a16:creationId xmlns:a16="http://schemas.microsoft.com/office/drawing/2014/main" id="{E01D9BF6-0C05-038C-3F82-9D101D35B673}"/>
              </a:ext>
            </a:extLst>
          </p:cNvPr>
          <p:cNvSpPr txBox="1">
            <a:spLocks/>
          </p:cNvSpPr>
          <p:nvPr/>
        </p:nvSpPr>
        <p:spPr>
          <a:xfrm>
            <a:off x="2913796" y="3667503"/>
            <a:ext cx="4645879" cy="669632"/>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ts val="5300"/>
              </a:lnSpc>
              <a:spcBef>
                <a:spcPts val="1300"/>
              </a:spcBef>
              <a:spcAft>
                <a:spcPts val="600"/>
              </a:spcAft>
            </a:pPr>
            <a:r>
              <a:rPr lang="en-US" b="1" dirty="0"/>
              <a:t>OPEN EDUCATIONAL</a:t>
            </a:r>
            <a:endParaRPr lang="en-RU" b="1" i="1" dirty="0"/>
          </a:p>
        </p:txBody>
      </p:sp>
      <p:sp>
        <p:nvSpPr>
          <p:cNvPr id="6" name="Text Placeholder 3">
            <a:extLst>
              <a:ext uri="{FF2B5EF4-FFF2-40B4-BE49-F238E27FC236}">
                <a16:creationId xmlns:a16="http://schemas.microsoft.com/office/drawing/2014/main" id="{A75BB8CC-F313-6F27-AC28-995CF15F7DE1}"/>
              </a:ext>
            </a:extLst>
          </p:cNvPr>
          <p:cNvSpPr txBox="1">
            <a:spLocks/>
          </p:cNvSpPr>
          <p:nvPr/>
        </p:nvSpPr>
        <p:spPr>
          <a:xfrm>
            <a:off x="2977592" y="4444831"/>
            <a:ext cx="4645879" cy="669632"/>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ts val="5300"/>
              </a:lnSpc>
              <a:spcBef>
                <a:spcPts val="1300"/>
              </a:spcBef>
              <a:spcAft>
                <a:spcPts val="600"/>
              </a:spcAft>
            </a:pPr>
            <a:r>
              <a:rPr lang="en-US" b="1" dirty="0"/>
              <a:t>RESOURCES)</a:t>
            </a:r>
            <a:endParaRPr lang="en-RU" b="1" i="1" dirty="0"/>
          </a:p>
        </p:txBody>
      </p:sp>
    </p:spTree>
    <p:extLst>
      <p:ext uri="{BB962C8B-B14F-4D97-AF65-F5344CB8AC3E}">
        <p14:creationId xmlns:p14="http://schemas.microsoft.com/office/powerpoint/2010/main" val="612777755"/>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FA1D8D11-D0D7-4742-889F-B5A77823AD95}"/>
              </a:ext>
            </a:extLst>
          </p:cNvPr>
          <p:cNvSpPr>
            <a:spLocks noGrp="1"/>
          </p:cNvSpPr>
          <p:nvPr>
            <p:ph type="body" sz="quarter" idx="14"/>
          </p:nvPr>
        </p:nvSpPr>
        <p:spPr/>
        <p:txBody>
          <a:bodyPr/>
          <a:lstStyle/>
          <a:p>
            <a:r>
              <a:rPr lang="en-IE" dirty="0"/>
              <a:t>4.A. AVATUD ÕPPEVARA KASUTAMINE</a:t>
            </a:r>
          </a:p>
        </p:txBody>
      </p:sp>
      <p:sp>
        <p:nvSpPr>
          <p:cNvPr id="4" name="Text Placeholder 3">
            <a:extLst>
              <a:ext uri="{FF2B5EF4-FFF2-40B4-BE49-F238E27FC236}">
                <a16:creationId xmlns:a16="http://schemas.microsoft.com/office/drawing/2014/main" id="{D20FC9C6-9A07-1C47-A807-DA33FF3BD1EB}"/>
              </a:ext>
            </a:extLst>
          </p:cNvPr>
          <p:cNvSpPr>
            <a:spLocks noGrp="1"/>
          </p:cNvSpPr>
          <p:nvPr>
            <p:ph type="body" sz="quarter" idx="33"/>
          </p:nvPr>
        </p:nvSpPr>
        <p:spPr>
          <a:xfrm>
            <a:off x="522456" y="1442279"/>
            <a:ext cx="6533982" cy="635759"/>
          </a:xfrm>
        </p:spPr>
        <p:txBody>
          <a:bodyPr/>
          <a:lstStyle/>
          <a:p>
            <a:r>
              <a:rPr lang="et-EE"/>
              <a:t>Digitaalse kodanikuosaluse avatud õppevara on loodud arvestades kahte peamist Euroopa pädevusraamistikku: DigComp 2.1 (kodanike digipädevused) ja EntreComp (ettevõtluspädevused).</a:t>
            </a:r>
            <a:endParaRPr lang="en-LB"/>
          </a:p>
        </p:txBody>
      </p:sp>
      <p:sp>
        <p:nvSpPr>
          <p:cNvPr id="5" name="Freeform 4">
            <a:extLst>
              <a:ext uri="{FF2B5EF4-FFF2-40B4-BE49-F238E27FC236}">
                <a16:creationId xmlns:a16="http://schemas.microsoft.com/office/drawing/2014/main" id="{1B5A26CD-C2F7-9042-B2B2-A2E058E87D76}"/>
              </a:ext>
            </a:extLst>
          </p:cNvPr>
          <p:cNvSpPr/>
          <p:nvPr/>
        </p:nvSpPr>
        <p:spPr>
          <a:xfrm>
            <a:off x="288257" y="717222"/>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6" name="Text Placeholder 3">
            <a:extLst>
              <a:ext uri="{FF2B5EF4-FFF2-40B4-BE49-F238E27FC236}">
                <a16:creationId xmlns:a16="http://schemas.microsoft.com/office/drawing/2014/main" id="{02C8CF17-708A-FB44-BC0C-F5D95A4DE9E6}"/>
              </a:ext>
            </a:extLst>
          </p:cNvPr>
          <p:cNvSpPr txBox="1">
            <a:spLocks/>
          </p:cNvSpPr>
          <p:nvPr/>
        </p:nvSpPr>
        <p:spPr>
          <a:xfrm>
            <a:off x="508051" y="2078038"/>
            <a:ext cx="3252926" cy="3038672"/>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DigComp 2.1 kodanike digipädevused</a:t>
            </a:r>
            <a:r>
              <a:rPr lang="et-EE"/>
              <a:t> määratleb digipädevuse põhikomponendid viies valdkonnas, mis hõlmavad:</a:t>
            </a:r>
            <a:r>
              <a:rPr lang="en-LB">
                <a:effectLst/>
              </a:rPr>
              <a:t> </a:t>
            </a:r>
            <a:endParaRPr lang="en-RU" dirty="0"/>
          </a:p>
        </p:txBody>
      </p:sp>
      <p:sp>
        <p:nvSpPr>
          <p:cNvPr id="7" name="Freeform 6">
            <a:extLst>
              <a:ext uri="{FF2B5EF4-FFF2-40B4-BE49-F238E27FC236}">
                <a16:creationId xmlns:a16="http://schemas.microsoft.com/office/drawing/2014/main" id="{6E21F36F-C646-D740-80EB-1262C65DA224}"/>
              </a:ext>
            </a:extLst>
          </p:cNvPr>
          <p:cNvSpPr/>
          <p:nvPr/>
        </p:nvSpPr>
        <p:spPr>
          <a:xfrm>
            <a:off x="364774" y="4776950"/>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10" name="Text Placeholder 3">
            <a:extLst>
              <a:ext uri="{FF2B5EF4-FFF2-40B4-BE49-F238E27FC236}">
                <a16:creationId xmlns:a16="http://schemas.microsoft.com/office/drawing/2014/main" id="{7C23C748-8BE6-7A4F-BBC3-28FC45583A9E}"/>
              </a:ext>
            </a:extLst>
          </p:cNvPr>
          <p:cNvSpPr txBox="1">
            <a:spLocks/>
          </p:cNvSpPr>
          <p:nvPr/>
        </p:nvSpPr>
        <p:spPr>
          <a:xfrm>
            <a:off x="493216" y="5831304"/>
            <a:ext cx="6552842" cy="924036"/>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EntreComp: Euroopa ettevõtluspädevuse raamistik</a:t>
            </a:r>
            <a:r>
              <a:rPr lang="et-EE"/>
              <a:t> on võrdlusraamistik, mis selgitab, mida ettevõtliku mõtteviisi all mõeldakse. EntreComp pakub põhjalikku kirjeldust teadmistest, oskustest ja hoiakutest, mida inimesed vajavad, et olla ettevõtlikud ning luua teistele rahalist, kultuurilist või sotsiaalset väärtust. EntreComp on ühine võrdlusraamistik, mis määratleb 15 pädevust kolmes võtmevaldkonnas, mis kirjeldavad ettevõtlik olemise tähendust.</a:t>
            </a:r>
            <a:endParaRPr lang="en-LB"/>
          </a:p>
          <a:p>
            <a:endParaRPr lang="en-GB" dirty="0"/>
          </a:p>
          <a:p>
            <a:endParaRPr lang="en-RU" dirty="0"/>
          </a:p>
        </p:txBody>
      </p:sp>
      <p:sp>
        <p:nvSpPr>
          <p:cNvPr id="11" name="Rectangle 10">
            <a:extLst>
              <a:ext uri="{FF2B5EF4-FFF2-40B4-BE49-F238E27FC236}">
                <a16:creationId xmlns:a16="http://schemas.microsoft.com/office/drawing/2014/main" id="{D4684038-9DB7-3949-92A8-6BDD245302BF}"/>
              </a:ext>
            </a:extLst>
          </p:cNvPr>
          <p:cNvSpPr/>
          <p:nvPr/>
        </p:nvSpPr>
        <p:spPr>
          <a:xfrm>
            <a:off x="0" y="2753355"/>
            <a:ext cx="3691660" cy="2892604"/>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pic>
        <p:nvPicPr>
          <p:cNvPr id="12" name="Picture 11">
            <a:extLst>
              <a:ext uri="{FF2B5EF4-FFF2-40B4-BE49-F238E27FC236}">
                <a16:creationId xmlns:a16="http://schemas.microsoft.com/office/drawing/2014/main" id="{A8C6AE41-4437-A64F-BCC9-2EAB9FE2B51E}"/>
              </a:ext>
            </a:extLst>
          </p:cNvPr>
          <p:cNvPicPr>
            <a:picLocks noChangeAspect="1"/>
          </p:cNvPicPr>
          <p:nvPr/>
        </p:nvPicPr>
        <p:blipFill rotWithShape="1">
          <a:blip r:embed="rId2" cstate="email">
            <a:extLst>
              <a:ext uri="{28A0092B-C50C-407E-A947-70E740481C1C}">
                <a14:useLocalDpi xmlns:a14="http://schemas.microsoft.com/office/drawing/2010/main"/>
              </a:ext>
            </a:extLst>
          </a:blip>
          <a:srcRect r="2309"/>
          <a:stretch/>
        </p:blipFill>
        <p:spPr>
          <a:xfrm>
            <a:off x="503238" y="2579186"/>
            <a:ext cx="3691661" cy="2649153"/>
          </a:xfrm>
          <a:prstGeom prst="rect">
            <a:avLst/>
          </a:prstGeom>
        </p:spPr>
      </p:pic>
      <p:pic>
        <p:nvPicPr>
          <p:cNvPr id="14" name="Picture 13">
            <a:extLst>
              <a:ext uri="{FF2B5EF4-FFF2-40B4-BE49-F238E27FC236}">
                <a16:creationId xmlns:a16="http://schemas.microsoft.com/office/drawing/2014/main" id="{CB382F4A-F1A8-5A46-B0DD-91CF07C2373C}"/>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4620225" y="2879348"/>
            <a:ext cx="2273300" cy="2489200"/>
          </a:xfrm>
          <a:prstGeom prst="rect">
            <a:avLst/>
          </a:prstGeom>
        </p:spPr>
      </p:pic>
      <p:sp>
        <p:nvSpPr>
          <p:cNvPr id="15" name="Text Placeholder 25">
            <a:extLst>
              <a:ext uri="{FF2B5EF4-FFF2-40B4-BE49-F238E27FC236}">
                <a16:creationId xmlns:a16="http://schemas.microsoft.com/office/drawing/2014/main" id="{F29D5F71-089D-3045-9F7D-C7E1673F0D14}"/>
              </a:ext>
            </a:extLst>
          </p:cNvPr>
          <p:cNvSpPr txBox="1">
            <a:spLocks/>
          </p:cNvSpPr>
          <p:nvPr/>
        </p:nvSpPr>
        <p:spPr>
          <a:xfrm>
            <a:off x="4593648" y="2879348"/>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1</a:t>
            </a:r>
          </a:p>
        </p:txBody>
      </p:sp>
      <p:sp>
        <p:nvSpPr>
          <p:cNvPr id="16" name="Text Placeholder 25">
            <a:extLst>
              <a:ext uri="{FF2B5EF4-FFF2-40B4-BE49-F238E27FC236}">
                <a16:creationId xmlns:a16="http://schemas.microsoft.com/office/drawing/2014/main" id="{6D2AAE98-820E-3849-BCE0-B44F71915B9D}"/>
              </a:ext>
            </a:extLst>
          </p:cNvPr>
          <p:cNvSpPr txBox="1">
            <a:spLocks/>
          </p:cNvSpPr>
          <p:nvPr/>
        </p:nvSpPr>
        <p:spPr>
          <a:xfrm>
            <a:off x="4593648" y="3385854"/>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2</a:t>
            </a:r>
          </a:p>
        </p:txBody>
      </p:sp>
      <p:sp>
        <p:nvSpPr>
          <p:cNvPr id="17" name="Text Placeholder 25">
            <a:extLst>
              <a:ext uri="{FF2B5EF4-FFF2-40B4-BE49-F238E27FC236}">
                <a16:creationId xmlns:a16="http://schemas.microsoft.com/office/drawing/2014/main" id="{3CCC7907-9BBF-B24E-A1C1-709A471207AB}"/>
              </a:ext>
            </a:extLst>
          </p:cNvPr>
          <p:cNvSpPr txBox="1">
            <a:spLocks/>
          </p:cNvSpPr>
          <p:nvPr/>
        </p:nvSpPr>
        <p:spPr>
          <a:xfrm>
            <a:off x="4593648" y="3892360"/>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3</a:t>
            </a:r>
          </a:p>
        </p:txBody>
      </p:sp>
      <p:sp>
        <p:nvSpPr>
          <p:cNvPr id="18" name="Text Placeholder 25">
            <a:extLst>
              <a:ext uri="{FF2B5EF4-FFF2-40B4-BE49-F238E27FC236}">
                <a16:creationId xmlns:a16="http://schemas.microsoft.com/office/drawing/2014/main" id="{B9882257-5E6E-524E-B152-018EABAA3C99}"/>
              </a:ext>
            </a:extLst>
          </p:cNvPr>
          <p:cNvSpPr txBox="1">
            <a:spLocks/>
          </p:cNvSpPr>
          <p:nvPr/>
        </p:nvSpPr>
        <p:spPr>
          <a:xfrm>
            <a:off x="4593648" y="4398866"/>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4</a:t>
            </a:r>
          </a:p>
        </p:txBody>
      </p:sp>
      <p:sp>
        <p:nvSpPr>
          <p:cNvPr id="19" name="Text Placeholder 25">
            <a:extLst>
              <a:ext uri="{FF2B5EF4-FFF2-40B4-BE49-F238E27FC236}">
                <a16:creationId xmlns:a16="http://schemas.microsoft.com/office/drawing/2014/main" id="{9873B746-1F44-9841-A7FF-E6A9AC905C14}"/>
              </a:ext>
            </a:extLst>
          </p:cNvPr>
          <p:cNvSpPr txBox="1">
            <a:spLocks/>
          </p:cNvSpPr>
          <p:nvPr/>
        </p:nvSpPr>
        <p:spPr>
          <a:xfrm>
            <a:off x="4593648" y="4905373"/>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5</a:t>
            </a:r>
          </a:p>
        </p:txBody>
      </p:sp>
      <p:pic>
        <p:nvPicPr>
          <p:cNvPr id="20" name="Picture 19" descr="Icon&#10;&#10;Description automatically generated">
            <a:extLst>
              <a:ext uri="{FF2B5EF4-FFF2-40B4-BE49-F238E27FC236}">
                <a16:creationId xmlns:a16="http://schemas.microsoft.com/office/drawing/2014/main" id="{02722629-5FC3-F741-9D0D-BCE6A50016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flipH="1">
            <a:off x="0" y="4697804"/>
            <a:ext cx="1964268" cy="948155"/>
          </a:xfrm>
          <a:prstGeom prst="rect">
            <a:avLst/>
          </a:prstGeom>
        </p:spPr>
      </p:pic>
      <p:sp>
        <p:nvSpPr>
          <p:cNvPr id="21" name="Text Placeholder 3">
            <a:extLst>
              <a:ext uri="{FF2B5EF4-FFF2-40B4-BE49-F238E27FC236}">
                <a16:creationId xmlns:a16="http://schemas.microsoft.com/office/drawing/2014/main" id="{4B8133C4-00D5-1849-B3BF-02EA39060063}"/>
              </a:ext>
            </a:extLst>
          </p:cNvPr>
          <p:cNvSpPr txBox="1">
            <a:spLocks/>
          </p:cNvSpPr>
          <p:nvPr/>
        </p:nvSpPr>
        <p:spPr>
          <a:xfrm>
            <a:off x="5169523" y="2997722"/>
            <a:ext cx="1649872" cy="315206"/>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spcBef>
                <a:spcPts val="0"/>
              </a:spcBef>
            </a:pPr>
            <a:r>
              <a:rPr lang="en-IE" dirty="0">
                <a:solidFill>
                  <a:schemeClr val="bg1"/>
                </a:solidFill>
              </a:rPr>
              <a:t>Info- ja andmepädevus</a:t>
            </a:r>
            <a:endParaRPr lang="en-RU" dirty="0">
              <a:solidFill>
                <a:schemeClr val="bg1"/>
              </a:solidFill>
            </a:endParaRPr>
          </a:p>
        </p:txBody>
      </p:sp>
      <p:sp>
        <p:nvSpPr>
          <p:cNvPr id="22" name="Text Placeholder 3">
            <a:extLst>
              <a:ext uri="{FF2B5EF4-FFF2-40B4-BE49-F238E27FC236}">
                <a16:creationId xmlns:a16="http://schemas.microsoft.com/office/drawing/2014/main" id="{64EEEE70-D48B-8840-9966-167D455090C0}"/>
              </a:ext>
            </a:extLst>
          </p:cNvPr>
          <p:cNvSpPr txBox="1">
            <a:spLocks/>
          </p:cNvSpPr>
          <p:nvPr/>
        </p:nvSpPr>
        <p:spPr>
          <a:xfrm>
            <a:off x="5156060" y="3494677"/>
            <a:ext cx="1663335" cy="315206"/>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spcBef>
                <a:spcPts val="0"/>
              </a:spcBef>
            </a:pPr>
            <a:r>
              <a:rPr lang="en-IE" dirty="0">
                <a:solidFill>
                  <a:schemeClr val="bg1"/>
                </a:solidFill>
              </a:rPr>
              <a:t>Suhtlemine ja koostöö</a:t>
            </a:r>
            <a:endParaRPr lang="en-RU" dirty="0">
              <a:solidFill>
                <a:schemeClr val="bg1"/>
              </a:solidFill>
            </a:endParaRPr>
          </a:p>
        </p:txBody>
      </p:sp>
      <p:sp>
        <p:nvSpPr>
          <p:cNvPr id="23" name="Text Placeholder 3">
            <a:extLst>
              <a:ext uri="{FF2B5EF4-FFF2-40B4-BE49-F238E27FC236}">
                <a16:creationId xmlns:a16="http://schemas.microsoft.com/office/drawing/2014/main" id="{5E346C0C-CF53-FB48-A41E-5EFFCB78082B}"/>
              </a:ext>
            </a:extLst>
          </p:cNvPr>
          <p:cNvSpPr txBox="1">
            <a:spLocks/>
          </p:cNvSpPr>
          <p:nvPr/>
        </p:nvSpPr>
        <p:spPr>
          <a:xfrm>
            <a:off x="5158234" y="4058436"/>
            <a:ext cx="1559560" cy="315206"/>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dirty="0">
                <a:solidFill>
                  <a:schemeClr val="bg1"/>
                </a:solidFill>
              </a:rPr>
              <a:t>Digisisu loomine</a:t>
            </a:r>
            <a:endParaRPr lang="en-RU" dirty="0">
              <a:solidFill>
                <a:schemeClr val="bg1"/>
              </a:solidFill>
            </a:endParaRPr>
          </a:p>
        </p:txBody>
      </p:sp>
      <p:sp>
        <p:nvSpPr>
          <p:cNvPr id="24" name="Text Placeholder 3">
            <a:extLst>
              <a:ext uri="{FF2B5EF4-FFF2-40B4-BE49-F238E27FC236}">
                <a16:creationId xmlns:a16="http://schemas.microsoft.com/office/drawing/2014/main" id="{3C0AE832-2695-C24B-A1C6-AD2B3D66EE32}"/>
              </a:ext>
            </a:extLst>
          </p:cNvPr>
          <p:cNvSpPr txBox="1">
            <a:spLocks/>
          </p:cNvSpPr>
          <p:nvPr/>
        </p:nvSpPr>
        <p:spPr>
          <a:xfrm>
            <a:off x="5124367" y="4545707"/>
            <a:ext cx="1716775" cy="315206"/>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dirty="0">
                <a:solidFill>
                  <a:schemeClr val="bg1"/>
                </a:solidFill>
              </a:rPr>
              <a:t>Ohutus</a:t>
            </a:r>
            <a:endParaRPr lang="en-RU" dirty="0">
              <a:solidFill>
                <a:schemeClr val="bg1"/>
              </a:solidFill>
            </a:endParaRPr>
          </a:p>
        </p:txBody>
      </p:sp>
      <p:sp>
        <p:nvSpPr>
          <p:cNvPr id="25" name="Text Placeholder 3">
            <a:extLst>
              <a:ext uri="{FF2B5EF4-FFF2-40B4-BE49-F238E27FC236}">
                <a16:creationId xmlns:a16="http://schemas.microsoft.com/office/drawing/2014/main" id="{A03CF822-C0FC-A54D-9886-1FCFCD5A3D7E}"/>
              </a:ext>
            </a:extLst>
          </p:cNvPr>
          <p:cNvSpPr txBox="1">
            <a:spLocks/>
          </p:cNvSpPr>
          <p:nvPr/>
        </p:nvSpPr>
        <p:spPr>
          <a:xfrm>
            <a:off x="5156060" y="5044649"/>
            <a:ext cx="1685082" cy="315206"/>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dirty="0">
                <a:solidFill>
                  <a:schemeClr val="bg1"/>
                </a:solidFill>
              </a:rPr>
              <a:t>Probleemide lahendamine</a:t>
            </a:r>
            <a:endParaRPr lang="en-RU" dirty="0">
              <a:solidFill>
                <a:schemeClr val="bg1"/>
              </a:solidFill>
            </a:endParaRPr>
          </a:p>
        </p:txBody>
      </p:sp>
      <p:pic>
        <p:nvPicPr>
          <p:cNvPr id="27" name="Picture 26">
            <a:extLst>
              <a:ext uri="{FF2B5EF4-FFF2-40B4-BE49-F238E27FC236}">
                <a16:creationId xmlns:a16="http://schemas.microsoft.com/office/drawing/2014/main" id="{5D88BBC7-302E-6440-969C-AEB7D78983E7}"/>
              </a:ext>
            </a:extLst>
          </p:cNvPr>
          <p:cNvPicPr>
            <a:picLocks noChangeAspect="1"/>
          </p:cNvPicPr>
          <p:nvPr/>
        </p:nvPicPr>
        <p:blipFill rotWithShape="1">
          <a:blip r:embed="rId5" cstate="email">
            <a:extLst>
              <a:ext uri="{28A0092B-C50C-407E-A947-70E740481C1C}">
                <a14:useLocalDpi xmlns:a14="http://schemas.microsoft.com/office/drawing/2010/main"/>
              </a:ext>
            </a:extLst>
          </a:blip>
          <a:srcRect l="799" r="799" b="7059"/>
          <a:stretch/>
        </p:blipFill>
        <p:spPr>
          <a:xfrm>
            <a:off x="1934007" y="7630154"/>
            <a:ext cx="3691661" cy="2462147"/>
          </a:xfrm>
          <a:prstGeom prst="rect">
            <a:avLst/>
          </a:prstGeom>
        </p:spPr>
      </p:pic>
      <p:sp>
        <p:nvSpPr>
          <p:cNvPr id="28" name="Text Placeholder 3">
            <a:extLst>
              <a:ext uri="{FF2B5EF4-FFF2-40B4-BE49-F238E27FC236}">
                <a16:creationId xmlns:a16="http://schemas.microsoft.com/office/drawing/2014/main" id="{D0B1ABB9-84F2-B541-9469-5F715B0503B8}"/>
              </a:ext>
            </a:extLst>
          </p:cNvPr>
          <p:cNvSpPr txBox="1">
            <a:spLocks/>
          </p:cNvSpPr>
          <p:nvPr/>
        </p:nvSpPr>
        <p:spPr>
          <a:xfrm>
            <a:off x="509911" y="6796857"/>
            <a:ext cx="6563459" cy="1587281"/>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a:t>Mõlemad raamistikud on Euroopa tasandil hästi omaks võetud ja kirjeldavad iga pädevuse oskustasemeid, mis on määratletud õpiväljundite kaudu (kasutades tegevusverbe, järgides Bloomi taksonoomiat) ning inspireeritud Euroopa kvalifikatsiooniraamistiku (EQF) struktuurist ja sõnavarast. Lisaks sisaldab iga taseme kirjeldus teadmisi, oskusi ja hoiakuid, mis ühe kriteeriumina on välja toodud iga pädevuse iga taseme jaoks.</a:t>
            </a:r>
            <a:endParaRPr lang="en-LB"/>
          </a:p>
          <a:p>
            <a:endParaRPr lang="en-RU" dirty="0"/>
          </a:p>
        </p:txBody>
      </p:sp>
      <p:cxnSp>
        <p:nvCxnSpPr>
          <p:cNvPr id="8" name="Straight Connector 7">
            <a:extLst>
              <a:ext uri="{FF2B5EF4-FFF2-40B4-BE49-F238E27FC236}">
                <a16:creationId xmlns:a16="http://schemas.microsoft.com/office/drawing/2014/main" id="{3D6BEDDD-82EC-B9A2-F89C-77FF2EE22CBB}"/>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9" name="Text Placeholder 25">
            <a:extLst>
              <a:ext uri="{FF2B5EF4-FFF2-40B4-BE49-F238E27FC236}">
                <a16:creationId xmlns:a16="http://schemas.microsoft.com/office/drawing/2014/main" id="{FE487210-7665-D68F-4ED9-6F79743E5887}"/>
              </a:ext>
            </a:extLst>
          </p:cNvPr>
          <p:cNvSpPr>
            <a:spLocks noGrp="1"/>
          </p:cNvSpPr>
          <p:nvPr>
            <p:ph type="body" sz="quarter" idx="32" hasCustomPrompt="1"/>
          </p:nvPr>
        </p:nvSpPr>
        <p:spPr>
          <a:xfrm>
            <a:off x="1773598" y="10175681"/>
            <a:ext cx="4718277"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r>
              <a:rPr lang="et-EE" b="1"/>
              <a:t>Pedagoogiline juhend digitaalse kodanikuosaluse õpetamiseks (IO3)</a:t>
            </a:r>
            <a:endParaRPr lang="en-LB"/>
          </a:p>
        </p:txBody>
      </p:sp>
    </p:spTree>
    <p:extLst>
      <p:ext uri="{BB962C8B-B14F-4D97-AF65-F5344CB8AC3E}">
        <p14:creationId xmlns:p14="http://schemas.microsoft.com/office/powerpoint/2010/main" val="1816508925"/>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a:extLst>
              <a:ext uri="{FF2B5EF4-FFF2-40B4-BE49-F238E27FC236}">
                <a16:creationId xmlns:a16="http://schemas.microsoft.com/office/drawing/2014/main" id="{9E4EB4EB-DFCF-DA43-9C63-67C212B49AFB}"/>
              </a:ext>
            </a:extLst>
          </p:cNvPr>
          <p:cNvSpPr/>
          <p:nvPr/>
        </p:nvSpPr>
        <p:spPr>
          <a:xfrm>
            <a:off x="0" y="4052047"/>
            <a:ext cx="7559675" cy="4336807"/>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3" name="Text Placeholder 2">
            <a:extLst>
              <a:ext uri="{FF2B5EF4-FFF2-40B4-BE49-F238E27FC236}">
                <a16:creationId xmlns:a16="http://schemas.microsoft.com/office/drawing/2014/main" id="{D28BC013-18EE-2B4C-8048-B65871E3D78A}"/>
              </a:ext>
            </a:extLst>
          </p:cNvPr>
          <p:cNvSpPr>
            <a:spLocks noGrp="1"/>
          </p:cNvSpPr>
          <p:nvPr>
            <p:ph type="body" sz="quarter" idx="14"/>
          </p:nvPr>
        </p:nvSpPr>
        <p:spPr/>
        <p:txBody>
          <a:bodyPr/>
          <a:lstStyle/>
          <a:p>
            <a:r>
              <a:rPr lang="en-IE" dirty="0"/>
              <a:t>4.B. AVATUD ÕPPEVARA MOODULID </a:t>
            </a:r>
            <a:endParaRPr lang="en-RU" dirty="0"/>
          </a:p>
        </p:txBody>
      </p:sp>
      <p:sp>
        <p:nvSpPr>
          <p:cNvPr id="5" name="Freeform 4">
            <a:extLst>
              <a:ext uri="{FF2B5EF4-FFF2-40B4-BE49-F238E27FC236}">
                <a16:creationId xmlns:a16="http://schemas.microsoft.com/office/drawing/2014/main" id="{EC328363-1D6C-3545-A440-5C54A7F5B7C4}"/>
              </a:ext>
            </a:extLst>
          </p:cNvPr>
          <p:cNvSpPr/>
          <p:nvPr/>
        </p:nvSpPr>
        <p:spPr>
          <a:xfrm>
            <a:off x="288257" y="717222"/>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8" name="Freeform 7">
            <a:extLst>
              <a:ext uri="{FF2B5EF4-FFF2-40B4-BE49-F238E27FC236}">
                <a16:creationId xmlns:a16="http://schemas.microsoft.com/office/drawing/2014/main" id="{1E592733-C8A4-9F42-A187-3C5BDD186AE0}"/>
              </a:ext>
            </a:extLst>
          </p:cNvPr>
          <p:cNvSpPr/>
          <p:nvPr/>
        </p:nvSpPr>
        <p:spPr>
          <a:xfrm>
            <a:off x="381979" y="132769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9" name="Text Placeholder 3">
            <a:extLst>
              <a:ext uri="{FF2B5EF4-FFF2-40B4-BE49-F238E27FC236}">
                <a16:creationId xmlns:a16="http://schemas.microsoft.com/office/drawing/2014/main" id="{C2528741-2A43-4841-A11E-8663DE1AB50D}"/>
              </a:ext>
            </a:extLst>
          </p:cNvPr>
          <p:cNvSpPr txBox="1">
            <a:spLocks/>
          </p:cNvSpPr>
          <p:nvPr/>
        </p:nvSpPr>
        <p:spPr>
          <a:xfrm>
            <a:off x="521852" y="1311652"/>
            <a:ext cx="6533982" cy="2567622"/>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b="1" dirty="0"/>
              <a:t>Digitaalse kodanikuosaluse avatud õppevaras on kokku kuus erinevat moodulit:</a:t>
            </a:r>
          </a:p>
          <a:p>
            <a:endParaRPr lang="ru-RU" b="1" dirty="0"/>
          </a:p>
          <a:p>
            <a:r>
              <a:rPr lang="en-US" b="1" dirty="0"/>
              <a:t>MOODUL 1:	</a:t>
            </a:r>
            <a:r>
              <a:rPr lang="et-EE" b="1"/>
              <a:t> Digitaalne kodanikuaktiivsus – potentsiaal tehnoloogia ja uue meedia ristumiskohas</a:t>
            </a:r>
            <a:r>
              <a:rPr lang="en-LB">
                <a:effectLst/>
              </a:rPr>
              <a:t> </a:t>
            </a:r>
            <a:endParaRPr lang="en-US" b="1" dirty="0"/>
          </a:p>
          <a:p>
            <a:r>
              <a:rPr lang="en-US" b="1" dirty="0"/>
              <a:t>MOODUL 2: 	</a:t>
            </a:r>
            <a:r>
              <a:rPr lang="et-EE" b="1"/>
              <a:t> Millised on õppijate võimalused?</a:t>
            </a:r>
            <a:endParaRPr lang="en-LB"/>
          </a:p>
          <a:p>
            <a:r>
              <a:rPr lang="en-US" b="1" dirty="0"/>
              <a:t>MOODUL 3: 	</a:t>
            </a:r>
            <a:r>
              <a:rPr lang="et-EE" b="1"/>
              <a:t> Kuidas luua digitaalse kodanikuosaluse projekti?</a:t>
            </a:r>
            <a:r>
              <a:rPr lang="en-LB">
                <a:effectLst/>
              </a:rPr>
              <a:t> </a:t>
            </a:r>
            <a:endParaRPr lang="en-US" b="1" dirty="0"/>
          </a:p>
          <a:p>
            <a:r>
              <a:rPr lang="en-US" b="1" dirty="0"/>
              <a:t>MOODUL 4: 	</a:t>
            </a:r>
            <a:r>
              <a:rPr lang="et-EE" b="1"/>
              <a:t> Digitaalse kodanikuosaluse projekti juhtimine</a:t>
            </a:r>
            <a:r>
              <a:rPr lang="en-LB">
                <a:effectLst/>
              </a:rPr>
              <a:t> </a:t>
            </a:r>
            <a:endParaRPr lang="en-US" b="1" dirty="0"/>
          </a:p>
          <a:p>
            <a:r>
              <a:rPr lang="en-US" b="1" dirty="0"/>
              <a:t>MOODUL 5: 	</a:t>
            </a:r>
            <a:r>
              <a:rPr lang="et-EE" b="1"/>
              <a:t> Kuidas luua eelarvet ja rahastada oma projekti, rakendades sealhulgas tehnoloogiale 		 keskendunud mudeleid</a:t>
            </a:r>
            <a:r>
              <a:rPr lang="en-LB">
                <a:effectLst/>
              </a:rPr>
              <a:t> </a:t>
            </a:r>
            <a:endParaRPr lang="en-US" b="1" dirty="0"/>
          </a:p>
          <a:p>
            <a:r>
              <a:rPr lang="en-US" b="1" dirty="0"/>
              <a:t>MOODUL 6: 	</a:t>
            </a:r>
            <a:r>
              <a:rPr lang="et-EE" b="1"/>
              <a:t> Kodanikuosaluse projekti, eesmärgi ja koostöö turundamine</a:t>
            </a:r>
            <a:r>
              <a:rPr lang="en-LB">
                <a:effectLst/>
              </a:rPr>
              <a:t> </a:t>
            </a:r>
          </a:p>
          <a:p>
            <a:r>
              <a:rPr lang="et-EE"/>
              <a:t>Moodulid on välja töötatud avatud õppevarana ja põhinevad kasutusvalmis õppetegevustel ja sisaldavad algset õppesisu, teavet, harjutusi ja parimad praktikaid.</a:t>
            </a:r>
            <a:endParaRPr lang="en-LB"/>
          </a:p>
        </p:txBody>
      </p:sp>
      <p:sp>
        <p:nvSpPr>
          <p:cNvPr id="12" name="Text Placeholder 3">
            <a:extLst>
              <a:ext uri="{FF2B5EF4-FFF2-40B4-BE49-F238E27FC236}">
                <a16:creationId xmlns:a16="http://schemas.microsoft.com/office/drawing/2014/main" id="{01C66867-1AA6-1949-8C5A-F7467325FE2A}"/>
              </a:ext>
            </a:extLst>
          </p:cNvPr>
          <p:cNvSpPr txBox="1">
            <a:spLocks/>
          </p:cNvSpPr>
          <p:nvPr/>
        </p:nvSpPr>
        <p:spPr>
          <a:xfrm>
            <a:off x="511679" y="8478499"/>
            <a:ext cx="6533982" cy="328217"/>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a:t>Pilt toob välja avatud õppevara erinevad moodulid</a:t>
            </a:r>
            <a:endParaRPr lang="en-RU" i="1" dirty="0"/>
          </a:p>
        </p:txBody>
      </p:sp>
      <p:sp>
        <p:nvSpPr>
          <p:cNvPr id="4" name="Rectangle 3">
            <a:extLst>
              <a:ext uri="{FF2B5EF4-FFF2-40B4-BE49-F238E27FC236}">
                <a16:creationId xmlns:a16="http://schemas.microsoft.com/office/drawing/2014/main" id="{491D48B0-8746-05E6-8D54-92CD9BBE3A3D}"/>
              </a:ext>
            </a:extLst>
          </p:cNvPr>
          <p:cNvSpPr/>
          <p:nvPr/>
        </p:nvSpPr>
        <p:spPr>
          <a:xfrm>
            <a:off x="389482" y="4381270"/>
            <a:ext cx="6780711" cy="37211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 name="Rectangle 5">
            <a:extLst>
              <a:ext uri="{FF2B5EF4-FFF2-40B4-BE49-F238E27FC236}">
                <a16:creationId xmlns:a16="http://schemas.microsoft.com/office/drawing/2014/main" id="{7AD28452-28FA-0DED-1A42-4875C251E20D}"/>
              </a:ext>
            </a:extLst>
          </p:cNvPr>
          <p:cNvSpPr/>
          <p:nvPr/>
        </p:nvSpPr>
        <p:spPr>
          <a:xfrm>
            <a:off x="686579" y="4385295"/>
            <a:ext cx="2807855" cy="3721100"/>
          </a:xfrm>
          <a:prstGeom prst="rect">
            <a:avLst/>
          </a:prstGeom>
          <a:solidFill>
            <a:srgbClr val="16A6B9"/>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7" name="Picture 6" descr="Icon&#10;&#10;Description automatically generated">
            <a:extLst>
              <a:ext uri="{FF2B5EF4-FFF2-40B4-BE49-F238E27FC236}">
                <a16:creationId xmlns:a16="http://schemas.microsoft.com/office/drawing/2014/main" id="{CC1D7738-4845-4CC7-2307-8227598B45E8}"/>
              </a:ext>
            </a:extLst>
          </p:cNvPr>
          <p:cNvPicPr/>
          <p:nvPr/>
        </p:nvPicPr>
        <p:blipFill>
          <a:blip r:embed="rId2" cstate="email">
            <a:extLst>
              <a:ext uri="{28A0092B-C50C-407E-A947-70E740481C1C}">
                <a14:useLocalDpi xmlns:a14="http://schemas.microsoft.com/office/drawing/2010/main"/>
              </a:ext>
            </a:extLst>
          </a:blip>
          <a:stretch>
            <a:fillRect/>
          </a:stretch>
        </p:blipFill>
        <p:spPr>
          <a:xfrm flipH="1">
            <a:off x="387407" y="7102617"/>
            <a:ext cx="2028705" cy="1010263"/>
          </a:xfrm>
          <a:prstGeom prst="rect">
            <a:avLst/>
          </a:prstGeom>
        </p:spPr>
      </p:pic>
      <p:cxnSp>
        <p:nvCxnSpPr>
          <p:cNvPr id="10" name="Straight Connector 9">
            <a:extLst>
              <a:ext uri="{FF2B5EF4-FFF2-40B4-BE49-F238E27FC236}">
                <a16:creationId xmlns:a16="http://schemas.microsoft.com/office/drawing/2014/main" id="{CBF3DB72-7DDE-9E35-8EFF-951849FC2490}"/>
              </a:ext>
            </a:extLst>
          </p:cNvPr>
          <p:cNvCxnSpPr/>
          <p:nvPr/>
        </p:nvCxnSpPr>
        <p:spPr>
          <a:xfrm>
            <a:off x="890645" y="5216827"/>
            <a:ext cx="417195" cy="0"/>
          </a:xfrm>
          <a:prstGeom prst="line">
            <a:avLst/>
          </a:prstGeom>
          <a:ln w="12700">
            <a:solidFill>
              <a:srgbClr val="FDC662"/>
            </a:solidFill>
          </a:ln>
        </p:spPr>
        <p:style>
          <a:lnRef idx="1">
            <a:schemeClr val="accent1"/>
          </a:lnRef>
          <a:fillRef idx="0">
            <a:schemeClr val="accent1"/>
          </a:fillRef>
          <a:effectRef idx="0">
            <a:schemeClr val="accent1"/>
          </a:effectRef>
          <a:fontRef idx="minor">
            <a:schemeClr val="tx1"/>
          </a:fontRef>
        </p:style>
      </p:cxnSp>
      <p:sp>
        <p:nvSpPr>
          <p:cNvPr id="14" name="Text Placeholder 2">
            <a:extLst>
              <a:ext uri="{FF2B5EF4-FFF2-40B4-BE49-F238E27FC236}">
                <a16:creationId xmlns:a16="http://schemas.microsoft.com/office/drawing/2014/main" id="{3F577B62-7AF3-BCD0-CD9B-454E882A9836}"/>
              </a:ext>
            </a:extLst>
          </p:cNvPr>
          <p:cNvSpPr txBox="1">
            <a:spLocks/>
          </p:cNvSpPr>
          <p:nvPr/>
        </p:nvSpPr>
        <p:spPr>
          <a:xfrm>
            <a:off x="842181" y="4514500"/>
            <a:ext cx="2610782" cy="65968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900" dirty="0">
                <a:solidFill>
                  <a:schemeClr val="bg1"/>
                </a:solidFill>
              </a:rPr>
              <a:t>KASUTAMISEKS VALMIS ÕPPEMATERJALID</a:t>
            </a:r>
          </a:p>
        </p:txBody>
      </p:sp>
      <p:sp>
        <p:nvSpPr>
          <p:cNvPr id="15" name="Text Placeholder 2">
            <a:extLst>
              <a:ext uri="{FF2B5EF4-FFF2-40B4-BE49-F238E27FC236}">
                <a16:creationId xmlns:a16="http://schemas.microsoft.com/office/drawing/2014/main" id="{4399FCA3-69EC-3D67-7EB1-B523CB972EB8}"/>
              </a:ext>
            </a:extLst>
          </p:cNvPr>
          <p:cNvSpPr txBox="1">
            <a:spLocks/>
          </p:cNvSpPr>
          <p:nvPr/>
        </p:nvSpPr>
        <p:spPr>
          <a:xfrm>
            <a:off x="751971" y="5292413"/>
            <a:ext cx="2742463" cy="2151605"/>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ct val="80000"/>
              </a:lnSpc>
            </a:pPr>
            <a:r>
              <a:rPr lang="en-US" sz="1200" dirty="0">
                <a:solidFill>
                  <a:schemeClr val="bg1"/>
                </a:solidFill>
              </a:rPr>
              <a:t>Õpetamis-/õppimismoodulid sisaldavad mitmesugust algupärast õppesisu, teavet, teadmisi ja parimaid näiteid.</a:t>
            </a:r>
          </a:p>
          <a:p>
            <a:pPr>
              <a:lnSpc>
                <a:spcPct val="80000"/>
              </a:lnSpc>
            </a:pPr>
            <a:r>
              <a:rPr lang="en-US" sz="1200" dirty="0">
                <a:solidFill>
                  <a:schemeClr val="bg1"/>
                </a:solidFill>
              </a:rPr>
              <a:t>Koos pedagoogide juhendiga annavad need moodulid akadeemilisele personalile täieliku töövahendite komplekti kodanikuteaduse teooria tutvustamiseks ja vahendid õppijate kaasamiseks ning tegelikust elust pärit näidete tutvustamiseks, mis on nende õppeteemaga seotud.</a:t>
            </a:r>
          </a:p>
        </p:txBody>
      </p:sp>
      <p:sp>
        <p:nvSpPr>
          <p:cNvPr id="16" name="Text Placeholder 2">
            <a:extLst>
              <a:ext uri="{FF2B5EF4-FFF2-40B4-BE49-F238E27FC236}">
                <a16:creationId xmlns:a16="http://schemas.microsoft.com/office/drawing/2014/main" id="{8F21AC9D-1318-CC2B-353B-9F2A3FEC9FDD}"/>
              </a:ext>
            </a:extLst>
          </p:cNvPr>
          <p:cNvSpPr txBox="1">
            <a:spLocks/>
          </p:cNvSpPr>
          <p:nvPr/>
        </p:nvSpPr>
        <p:spPr>
          <a:xfrm>
            <a:off x="4255710" y="4525416"/>
            <a:ext cx="2912408" cy="596117"/>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odul 1: Digitaalne kodanikuaktiivsus – potentsiaal tehnoloogia ja uue meedia ristumiskohas </a:t>
            </a:r>
          </a:p>
        </p:txBody>
      </p:sp>
      <p:grpSp>
        <p:nvGrpSpPr>
          <p:cNvPr id="17" name="Group 16">
            <a:extLst>
              <a:ext uri="{FF2B5EF4-FFF2-40B4-BE49-F238E27FC236}">
                <a16:creationId xmlns:a16="http://schemas.microsoft.com/office/drawing/2014/main" id="{43C3C439-E68B-F3AE-F36F-43F3470DC8F1}"/>
              </a:ext>
            </a:extLst>
          </p:cNvPr>
          <p:cNvGrpSpPr/>
          <p:nvPr/>
        </p:nvGrpSpPr>
        <p:grpSpPr>
          <a:xfrm>
            <a:off x="3532409" y="4572990"/>
            <a:ext cx="728024" cy="417926"/>
            <a:chOff x="3573982" y="744908"/>
            <a:chExt cx="728024" cy="417926"/>
          </a:xfrm>
        </p:grpSpPr>
        <p:sp>
          <p:nvSpPr>
            <p:cNvPr id="18" name="Oval 17">
              <a:extLst>
                <a:ext uri="{FF2B5EF4-FFF2-40B4-BE49-F238E27FC236}">
                  <a16:creationId xmlns:a16="http://schemas.microsoft.com/office/drawing/2014/main" id="{FF6056F2-D75A-865B-377E-817A842E0D72}"/>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19" name="Text Placeholder 2">
              <a:extLst>
                <a:ext uri="{FF2B5EF4-FFF2-40B4-BE49-F238E27FC236}">
                  <a16:creationId xmlns:a16="http://schemas.microsoft.com/office/drawing/2014/main" id="{9CE23FFF-23FD-B9DD-B853-E0D5D88AD64D}"/>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1</a:t>
              </a:r>
              <a:endParaRPr lang="en-RU" sz="1600" dirty="0">
                <a:solidFill>
                  <a:schemeClr val="bg1"/>
                </a:solidFill>
              </a:endParaRPr>
            </a:p>
          </p:txBody>
        </p:sp>
        <p:cxnSp>
          <p:nvCxnSpPr>
            <p:cNvPr id="20" name="Straight Connector 19">
              <a:extLst>
                <a:ext uri="{FF2B5EF4-FFF2-40B4-BE49-F238E27FC236}">
                  <a16:creationId xmlns:a16="http://schemas.microsoft.com/office/drawing/2014/main" id="{E60C3F89-CAB9-2610-F7AD-EFE36EA01B40}"/>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sp>
        <p:nvSpPr>
          <p:cNvPr id="21" name="Text Placeholder 2">
            <a:extLst>
              <a:ext uri="{FF2B5EF4-FFF2-40B4-BE49-F238E27FC236}">
                <a16:creationId xmlns:a16="http://schemas.microsoft.com/office/drawing/2014/main" id="{5DFCDBFA-A72E-3134-34FE-53CBCB3B9CD5}"/>
              </a:ext>
            </a:extLst>
          </p:cNvPr>
          <p:cNvSpPr txBox="1">
            <a:spLocks/>
          </p:cNvSpPr>
          <p:nvPr/>
        </p:nvSpPr>
        <p:spPr>
          <a:xfrm>
            <a:off x="4261089" y="5311263"/>
            <a:ext cx="2912408" cy="340926"/>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odul 2: Millised on õppijate võimalused?</a:t>
            </a:r>
          </a:p>
          <a:p>
            <a:endParaRPr lang="en-US" sz="1200" dirty="0">
              <a:solidFill>
                <a:srgbClr val="23385C"/>
              </a:solidFill>
            </a:endParaRPr>
          </a:p>
        </p:txBody>
      </p:sp>
      <p:grpSp>
        <p:nvGrpSpPr>
          <p:cNvPr id="22" name="Group 21">
            <a:extLst>
              <a:ext uri="{FF2B5EF4-FFF2-40B4-BE49-F238E27FC236}">
                <a16:creationId xmlns:a16="http://schemas.microsoft.com/office/drawing/2014/main" id="{6AD0AA29-9796-DD07-B935-26B231A33977}"/>
              </a:ext>
            </a:extLst>
          </p:cNvPr>
          <p:cNvGrpSpPr/>
          <p:nvPr/>
        </p:nvGrpSpPr>
        <p:grpSpPr>
          <a:xfrm>
            <a:off x="3532409" y="5150675"/>
            <a:ext cx="728024" cy="417926"/>
            <a:chOff x="3573982" y="744908"/>
            <a:chExt cx="728024" cy="417926"/>
          </a:xfrm>
        </p:grpSpPr>
        <p:sp>
          <p:nvSpPr>
            <p:cNvPr id="23" name="Oval 22">
              <a:extLst>
                <a:ext uri="{FF2B5EF4-FFF2-40B4-BE49-F238E27FC236}">
                  <a16:creationId xmlns:a16="http://schemas.microsoft.com/office/drawing/2014/main" id="{5B2B3F90-EA32-B294-8D13-872953CD6B97}"/>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24" name="Text Placeholder 2">
              <a:extLst>
                <a:ext uri="{FF2B5EF4-FFF2-40B4-BE49-F238E27FC236}">
                  <a16:creationId xmlns:a16="http://schemas.microsoft.com/office/drawing/2014/main" id="{C64DA76C-8F85-F6B2-B37E-523C758E9FC4}"/>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2</a:t>
              </a:r>
              <a:endParaRPr lang="en-RU" sz="1600" dirty="0">
                <a:solidFill>
                  <a:schemeClr val="bg1"/>
                </a:solidFill>
              </a:endParaRPr>
            </a:p>
          </p:txBody>
        </p:sp>
        <p:cxnSp>
          <p:nvCxnSpPr>
            <p:cNvPr id="25" name="Straight Connector 24">
              <a:extLst>
                <a:ext uri="{FF2B5EF4-FFF2-40B4-BE49-F238E27FC236}">
                  <a16:creationId xmlns:a16="http://schemas.microsoft.com/office/drawing/2014/main" id="{C8751C02-2CEC-A432-BFF6-6995EE50E09B}"/>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sp>
        <p:nvSpPr>
          <p:cNvPr id="26" name="Text Placeholder 2">
            <a:extLst>
              <a:ext uri="{FF2B5EF4-FFF2-40B4-BE49-F238E27FC236}">
                <a16:creationId xmlns:a16="http://schemas.microsoft.com/office/drawing/2014/main" id="{313E5F25-E4B6-BD94-62A4-0B827FA80983}"/>
              </a:ext>
            </a:extLst>
          </p:cNvPr>
          <p:cNvSpPr txBox="1">
            <a:spLocks/>
          </p:cNvSpPr>
          <p:nvPr/>
        </p:nvSpPr>
        <p:spPr>
          <a:xfrm>
            <a:off x="4255710" y="5676484"/>
            <a:ext cx="2912408" cy="596117"/>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odul 3: Kuidas luua digitaalse kodanikuosaluse projekti? </a:t>
            </a:r>
          </a:p>
        </p:txBody>
      </p:sp>
      <p:grpSp>
        <p:nvGrpSpPr>
          <p:cNvPr id="27" name="Group 26">
            <a:extLst>
              <a:ext uri="{FF2B5EF4-FFF2-40B4-BE49-F238E27FC236}">
                <a16:creationId xmlns:a16="http://schemas.microsoft.com/office/drawing/2014/main" id="{45FA4473-9529-88B6-FC72-EA94FD3F9AEB}"/>
              </a:ext>
            </a:extLst>
          </p:cNvPr>
          <p:cNvGrpSpPr/>
          <p:nvPr/>
        </p:nvGrpSpPr>
        <p:grpSpPr>
          <a:xfrm>
            <a:off x="3532409" y="5728360"/>
            <a:ext cx="728024" cy="417926"/>
            <a:chOff x="3573982" y="744908"/>
            <a:chExt cx="728024" cy="417926"/>
          </a:xfrm>
        </p:grpSpPr>
        <p:sp>
          <p:nvSpPr>
            <p:cNvPr id="28" name="Oval 27">
              <a:extLst>
                <a:ext uri="{FF2B5EF4-FFF2-40B4-BE49-F238E27FC236}">
                  <a16:creationId xmlns:a16="http://schemas.microsoft.com/office/drawing/2014/main" id="{9BADBC8B-F159-422E-8128-A6F76028F28A}"/>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29" name="Text Placeholder 2">
              <a:extLst>
                <a:ext uri="{FF2B5EF4-FFF2-40B4-BE49-F238E27FC236}">
                  <a16:creationId xmlns:a16="http://schemas.microsoft.com/office/drawing/2014/main" id="{69D7B788-6DC8-3252-59B3-E162DD3909BA}"/>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3</a:t>
              </a:r>
              <a:endParaRPr lang="en-RU" sz="1600" dirty="0">
                <a:solidFill>
                  <a:schemeClr val="bg1"/>
                </a:solidFill>
              </a:endParaRPr>
            </a:p>
          </p:txBody>
        </p:sp>
        <p:cxnSp>
          <p:nvCxnSpPr>
            <p:cNvPr id="30" name="Straight Connector 29">
              <a:extLst>
                <a:ext uri="{FF2B5EF4-FFF2-40B4-BE49-F238E27FC236}">
                  <a16:creationId xmlns:a16="http://schemas.microsoft.com/office/drawing/2014/main" id="{751D8D51-FEF4-5892-6FE4-B19FC342D67F}"/>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sp>
        <p:nvSpPr>
          <p:cNvPr id="31" name="Text Placeholder 2">
            <a:extLst>
              <a:ext uri="{FF2B5EF4-FFF2-40B4-BE49-F238E27FC236}">
                <a16:creationId xmlns:a16="http://schemas.microsoft.com/office/drawing/2014/main" id="{049111E8-E867-00D2-1D37-85B27658E201}"/>
              </a:ext>
            </a:extLst>
          </p:cNvPr>
          <p:cNvSpPr txBox="1">
            <a:spLocks/>
          </p:cNvSpPr>
          <p:nvPr/>
        </p:nvSpPr>
        <p:spPr>
          <a:xfrm>
            <a:off x="4244953" y="6257397"/>
            <a:ext cx="2912408" cy="596117"/>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odul 4: Digitaalse kodanikuosaluse projekti juhtimine </a:t>
            </a:r>
          </a:p>
        </p:txBody>
      </p:sp>
      <p:grpSp>
        <p:nvGrpSpPr>
          <p:cNvPr id="32" name="Group 31">
            <a:extLst>
              <a:ext uri="{FF2B5EF4-FFF2-40B4-BE49-F238E27FC236}">
                <a16:creationId xmlns:a16="http://schemas.microsoft.com/office/drawing/2014/main" id="{834420CC-F9A6-593F-542F-CA88A59F7485}"/>
              </a:ext>
            </a:extLst>
          </p:cNvPr>
          <p:cNvGrpSpPr/>
          <p:nvPr/>
        </p:nvGrpSpPr>
        <p:grpSpPr>
          <a:xfrm>
            <a:off x="3532409" y="6306045"/>
            <a:ext cx="728024" cy="417926"/>
            <a:chOff x="3573982" y="744908"/>
            <a:chExt cx="728024" cy="417926"/>
          </a:xfrm>
        </p:grpSpPr>
        <p:sp>
          <p:nvSpPr>
            <p:cNvPr id="33" name="Oval 32">
              <a:extLst>
                <a:ext uri="{FF2B5EF4-FFF2-40B4-BE49-F238E27FC236}">
                  <a16:creationId xmlns:a16="http://schemas.microsoft.com/office/drawing/2014/main" id="{C5E32EF5-C720-4947-70F4-B7282783FD99}"/>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34" name="Text Placeholder 2">
              <a:extLst>
                <a:ext uri="{FF2B5EF4-FFF2-40B4-BE49-F238E27FC236}">
                  <a16:creationId xmlns:a16="http://schemas.microsoft.com/office/drawing/2014/main" id="{CB3D2A79-9BE0-8D08-E792-6213329BCBFC}"/>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4</a:t>
              </a:r>
              <a:endParaRPr lang="en-RU" sz="1600" dirty="0">
                <a:solidFill>
                  <a:schemeClr val="bg1"/>
                </a:solidFill>
              </a:endParaRPr>
            </a:p>
          </p:txBody>
        </p:sp>
        <p:cxnSp>
          <p:nvCxnSpPr>
            <p:cNvPr id="35" name="Straight Connector 34">
              <a:extLst>
                <a:ext uri="{FF2B5EF4-FFF2-40B4-BE49-F238E27FC236}">
                  <a16:creationId xmlns:a16="http://schemas.microsoft.com/office/drawing/2014/main" id="{45E014FF-9DA8-7BDA-B979-7767855B4708}"/>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sp>
        <p:nvSpPr>
          <p:cNvPr id="36" name="Text Placeholder 2">
            <a:extLst>
              <a:ext uri="{FF2B5EF4-FFF2-40B4-BE49-F238E27FC236}">
                <a16:creationId xmlns:a16="http://schemas.microsoft.com/office/drawing/2014/main" id="{9EC8A42F-36DF-2436-7306-32A9B9491A2D}"/>
              </a:ext>
            </a:extLst>
          </p:cNvPr>
          <p:cNvSpPr txBox="1">
            <a:spLocks/>
          </p:cNvSpPr>
          <p:nvPr/>
        </p:nvSpPr>
        <p:spPr>
          <a:xfrm>
            <a:off x="4261089" y="6838309"/>
            <a:ext cx="2912408" cy="596117"/>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odul 5: Kuidas luua eelarvet ja rahastada oma projekti, rakendades sealhulgas tehnoloogiale keskendunud mudeleid </a:t>
            </a:r>
          </a:p>
        </p:txBody>
      </p:sp>
      <p:grpSp>
        <p:nvGrpSpPr>
          <p:cNvPr id="37" name="Group 36">
            <a:extLst>
              <a:ext uri="{FF2B5EF4-FFF2-40B4-BE49-F238E27FC236}">
                <a16:creationId xmlns:a16="http://schemas.microsoft.com/office/drawing/2014/main" id="{6C1C97D7-26B2-111B-ADFB-A93A549EC5DE}"/>
              </a:ext>
            </a:extLst>
          </p:cNvPr>
          <p:cNvGrpSpPr/>
          <p:nvPr/>
        </p:nvGrpSpPr>
        <p:grpSpPr>
          <a:xfrm>
            <a:off x="3532409" y="6883730"/>
            <a:ext cx="728024" cy="417926"/>
            <a:chOff x="3573982" y="744908"/>
            <a:chExt cx="728024" cy="417926"/>
          </a:xfrm>
        </p:grpSpPr>
        <p:sp>
          <p:nvSpPr>
            <p:cNvPr id="38" name="Oval 37">
              <a:extLst>
                <a:ext uri="{FF2B5EF4-FFF2-40B4-BE49-F238E27FC236}">
                  <a16:creationId xmlns:a16="http://schemas.microsoft.com/office/drawing/2014/main" id="{E5BFFCE7-452A-3A71-495E-60B262B6C9B3}"/>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39" name="Text Placeholder 2">
              <a:extLst>
                <a:ext uri="{FF2B5EF4-FFF2-40B4-BE49-F238E27FC236}">
                  <a16:creationId xmlns:a16="http://schemas.microsoft.com/office/drawing/2014/main" id="{B4A88046-25FF-AECB-CC8A-C6C097B6740C}"/>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5</a:t>
              </a:r>
              <a:endParaRPr lang="en-RU" sz="1600" dirty="0">
                <a:solidFill>
                  <a:schemeClr val="bg1"/>
                </a:solidFill>
              </a:endParaRPr>
            </a:p>
          </p:txBody>
        </p:sp>
        <p:cxnSp>
          <p:nvCxnSpPr>
            <p:cNvPr id="40" name="Straight Connector 39">
              <a:extLst>
                <a:ext uri="{FF2B5EF4-FFF2-40B4-BE49-F238E27FC236}">
                  <a16:creationId xmlns:a16="http://schemas.microsoft.com/office/drawing/2014/main" id="{0E1977B1-1580-9B00-69BE-7D6D3CC680C7}"/>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sp>
        <p:nvSpPr>
          <p:cNvPr id="41" name="Text Placeholder 2">
            <a:extLst>
              <a:ext uri="{FF2B5EF4-FFF2-40B4-BE49-F238E27FC236}">
                <a16:creationId xmlns:a16="http://schemas.microsoft.com/office/drawing/2014/main" id="{499ABBB6-B261-7ACC-56C3-C4A2C67B373A}"/>
              </a:ext>
            </a:extLst>
          </p:cNvPr>
          <p:cNvSpPr txBox="1">
            <a:spLocks/>
          </p:cNvSpPr>
          <p:nvPr/>
        </p:nvSpPr>
        <p:spPr>
          <a:xfrm>
            <a:off x="4266467" y="7485093"/>
            <a:ext cx="2912408" cy="596117"/>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odul 6: Kodanikuosaluse projekti, eesmärgi ja koostöö turundamine </a:t>
            </a:r>
          </a:p>
        </p:txBody>
      </p:sp>
      <p:grpSp>
        <p:nvGrpSpPr>
          <p:cNvPr id="42" name="Group 41">
            <a:extLst>
              <a:ext uri="{FF2B5EF4-FFF2-40B4-BE49-F238E27FC236}">
                <a16:creationId xmlns:a16="http://schemas.microsoft.com/office/drawing/2014/main" id="{E12060A1-D658-6B02-7216-7EE1F1E93CF4}"/>
              </a:ext>
            </a:extLst>
          </p:cNvPr>
          <p:cNvGrpSpPr/>
          <p:nvPr/>
        </p:nvGrpSpPr>
        <p:grpSpPr>
          <a:xfrm>
            <a:off x="3532409" y="7461417"/>
            <a:ext cx="728024" cy="417926"/>
            <a:chOff x="3573982" y="744908"/>
            <a:chExt cx="728024" cy="417926"/>
          </a:xfrm>
        </p:grpSpPr>
        <p:sp>
          <p:nvSpPr>
            <p:cNvPr id="43" name="Oval 42">
              <a:extLst>
                <a:ext uri="{FF2B5EF4-FFF2-40B4-BE49-F238E27FC236}">
                  <a16:creationId xmlns:a16="http://schemas.microsoft.com/office/drawing/2014/main" id="{0098B24D-FB54-B72E-955C-08A6E79D1AA3}"/>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44" name="Text Placeholder 2">
              <a:extLst>
                <a:ext uri="{FF2B5EF4-FFF2-40B4-BE49-F238E27FC236}">
                  <a16:creationId xmlns:a16="http://schemas.microsoft.com/office/drawing/2014/main" id="{FEF086C1-3C99-F50F-4C3B-6299E7F149C9}"/>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6</a:t>
              </a:r>
              <a:endParaRPr lang="en-RU" sz="1600" dirty="0">
                <a:solidFill>
                  <a:schemeClr val="bg1"/>
                </a:solidFill>
              </a:endParaRPr>
            </a:p>
          </p:txBody>
        </p:sp>
        <p:cxnSp>
          <p:nvCxnSpPr>
            <p:cNvPr id="45" name="Straight Connector 44">
              <a:extLst>
                <a:ext uri="{FF2B5EF4-FFF2-40B4-BE49-F238E27FC236}">
                  <a16:creationId xmlns:a16="http://schemas.microsoft.com/office/drawing/2014/main" id="{B2D6D93A-9AEF-A407-2453-2CE6FFB03285}"/>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cxnSp>
        <p:nvCxnSpPr>
          <p:cNvPr id="46" name="Straight Connector 45">
            <a:extLst>
              <a:ext uri="{FF2B5EF4-FFF2-40B4-BE49-F238E27FC236}">
                <a16:creationId xmlns:a16="http://schemas.microsoft.com/office/drawing/2014/main" id="{CC05708E-6705-6195-E03D-E104CA72D01D}"/>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7" name="Text Placeholder 25">
            <a:extLst>
              <a:ext uri="{FF2B5EF4-FFF2-40B4-BE49-F238E27FC236}">
                <a16:creationId xmlns:a16="http://schemas.microsoft.com/office/drawing/2014/main" id="{A3A0EADD-2927-DFE3-E72F-03160E4933A7}"/>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687953298"/>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8BD396C7-201C-6140-8E3F-9B6F92507B3E}"/>
              </a:ext>
            </a:extLst>
          </p:cNvPr>
          <p:cNvSpPr>
            <a:spLocks noGrp="1"/>
          </p:cNvSpPr>
          <p:nvPr>
            <p:ph type="body" sz="quarter" idx="14"/>
          </p:nvPr>
        </p:nvSpPr>
        <p:spPr/>
        <p:txBody>
          <a:bodyPr/>
          <a:lstStyle/>
          <a:p>
            <a:r>
              <a:rPr lang="en-GB" dirty="0"/>
              <a:t>4.C. AVATUD ÕPPEVARA ÕPIVÄLJUNDID </a:t>
            </a:r>
          </a:p>
        </p:txBody>
      </p:sp>
      <p:sp>
        <p:nvSpPr>
          <p:cNvPr id="4" name="Text Placeholder 3">
            <a:extLst>
              <a:ext uri="{FF2B5EF4-FFF2-40B4-BE49-F238E27FC236}">
                <a16:creationId xmlns:a16="http://schemas.microsoft.com/office/drawing/2014/main" id="{97C05608-F7D1-6440-829D-020B10339E4D}"/>
              </a:ext>
            </a:extLst>
          </p:cNvPr>
          <p:cNvSpPr>
            <a:spLocks noGrp="1"/>
          </p:cNvSpPr>
          <p:nvPr>
            <p:ph type="body" sz="quarter" idx="33"/>
          </p:nvPr>
        </p:nvSpPr>
        <p:spPr>
          <a:xfrm>
            <a:off x="522456" y="1272411"/>
            <a:ext cx="6533982" cy="505268"/>
          </a:xfrm>
        </p:spPr>
        <p:txBody>
          <a:bodyPr/>
          <a:lstStyle/>
          <a:p>
            <a:r>
              <a:rPr lang="et-EE"/>
              <a:t>Iga moodul kuuest koosneb 4 kuni 5 teemast. Iga mooduli õpiväljundid on järgmised:</a:t>
            </a:r>
            <a:endParaRPr lang="en-LB"/>
          </a:p>
        </p:txBody>
      </p:sp>
      <p:graphicFrame>
        <p:nvGraphicFramePr>
          <p:cNvPr id="5" name="Table 5">
            <a:extLst>
              <a:ext uri="{FF2B5EF4-FFF2-40B4-BE49-F238E27FC236}">
                <a16:creationId xmlns:a16="http://schemas.microsoft.com/office/drawing/2014/main" id="{6D3B86CA-8F05-114B-8277-BC352DDC8F7E}"/>
              </a:ext>
            </a:extLst>
          </p:cNvPr>
          <p:cNvGraphicFramePr>
            <a:graphicFrameLocks noGrp="1"/>
          </p:cNvGraphicFramePr>
          <p:nvPr>
            <p:extLst>
              <p:ext uri="{D42A27DB-BD31-4B8C-83A1-F6EECF244321}">
                <p14:modId xmlns:p14="http://schemas.microsoft.com/office/powerpoint/2010/main" val="3421932150"/>
              </p:ext>
            </p:extLst>
          </p:nvPr>
        </p:nvGraphicFramePr>
        <p:xfrm>
          <a:off x="503238" y="1876034"/>
          <a:ext cx="6570133" cy="6605397"/>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Moodul</a:t>
                      </a:r>
                      <a:r>
                        <a:rPr lang="en-LB">
                          <a:effectLst/>
                        </a:rPr>
                        <a:t> </a:t>
                      </a:r>
                      <a:r>
                        <a:rPr lang="en-GB" sz="1488" b="1" kern="1200" dirty="0">
                          <a:solidFill>
                            <a:schemeClr val="lt1"/>
                          </a:solidFill>
                          <a:effectLst/>
                          <a:latin typeface="+mn-lt"/>
                          <a:ea typeface="+mn-ea"/>
                          <a:cs typeface="+mn-cs"/>
                        </a:rPr>
                        <a:t> 1</a:t>
                      </a:r>
                      <a:r>
                        <a:rPr lang="en-RU" dirty="0">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en-GB" sz="1488" b="1" kern="1200" dirty="0">
                          <a:solidFill>
                            <a:schemeClr val="lt1"/>
                          </a:solidFill>
                          <a:effectLst/>
                          <a:latin typeface="+mn-lt"/>
                          <a:ea typeface="+mn-ea"/>
                          <a:cs typeface="+mn-cs"/>
                        </a:rPr>
                        <a:t>Digitaalne kodanikuaktiivsus – potentsiaal tehnoloogia ja uue meedia ristumiskohas </a:t>
                      </a:r>
                      <a:endParaRPr lang="en-RU" dirty="0">
                        <a:solidFill>
                          <a:schemeClr val="bg1"/>
                        </a:solidFill>
                      </a:endParaRP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461168">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Tutvustus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195"/>
                        </a:spcBef>
                        <a:tabLst>
                          <a:tab pos="450215" algn="l"/>
                        </a:tabLst>
                      </a:pPr>
                      <a:r>
                        <a:rPr lang="et-EE" sz="1100" kern="1200">
                          <a:solidFill>
                            <a:srgbClr val="22385A"/>
                          </a:solidFill>
                          <a:latin typeface="+mn-lt"/>
                          <a:ea typeface="+mn-ea"/>
                          <a:cs typeface="+mn-cs"/>
                        </a:rPr>
                        <a:t>Selle mooduli sisu uurib üliõpilaste digitaalset kodanikuaktiivsust. Siin on määratletud, mis see on ja mis on selle potentsiaal ühiskonna jaoks. Samuti selgitatakse välja pädevused, mida saab arendada, kui üliõpilased on aktiivsed kodanikuosaluse projektides. Sellesse moodulisse on lisatud mõned juhtumikirjeldused, et tuua reaalseid näiteid kodanikuosaluse projektidest, mida uuriti “Digitaalse kodanikuosaluse juhendi” (IO1) koostamisel.</a:t>
                      </a:r>
                      <a:endParaRPr lang="en-LB" sz="1100" kern="1200">
                        <a:solidFill>
                          <a:srgbClr val="22385A"/>
                        </a:solidFill>
                        <a:latin typeface="+mn-lt"/>
                        <a:ea typeface="+mn-ea"/>
                        <a:cs typeface="+mn-cs"/>
                      </a:endParaRPr>
                    </a:p>
                  </a:txBody>
                  <a:tcPr marL="68580" marR="68580" marT="0" marB="0">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1:</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195"/>
                        </a:spcBef>
                        <a:tabLst>
                          <a:tab pos="450215" algn="l"/>
                        </a:tabLst>
                      </a:pPr>
                      <a:r>
                        <a:rPr lang="et-EE" sz="1100" b="1" kern="1200">
                          <a:solidFill>
                            <a:srgbClr val="22385A"/>
                          </a:solidFill>
                          <a:latin typeface="+mn-lt"/>
                          <a:ea typeface="+mn-ea"/>
                          <a:cs typeface="+mn-cs"/>
                        </a:rPr>
                        <a:t>Mis on üliõpilaste digitaalne kodanikuaktiivsus?</a:t>
                      </a:r>
                      <a:endParaRPr lang="en-LB" sz="1100" b="1" kern="1200">
                        <a:solidFill>
                          <a:srgbClr val="22385A"/>
                        </a:solidFill>
                        <a:latin typeface="+mn-lt"/>
                        <a:ea typeface="+mn-ea"/>
                        <a:cs typeface="+mn-cs"/>
                      </a:endParaRPr>
                    </a:p>
                    <a:p>
                      <a:pPr algn="just">
                        <a:lnSpc>
                          <a:spcPct val="100000"/>
                        </a:lnSpc>
                        <a:spcBef>
                          <a:spcPts val="195"/>
                        </a:spcBef>
                        <a:tabLst>
                          <a:tab pos="450215" algn="l"/>
                        </a:tabLst>
                      </a:pPr>
                      <a:r>
                        <a:rPr lang="et-EE" sz="1100" kern="1200">
                          <a:solidFill>
                            <a:srgbClr val="22385A"/>
                          </a:solidFill>
                          <a:latin typeface="+mn-lt"/>
                          <a:ea typeface="+mn-ea"/>
                          <a:cs typeface="+mn-cs"/>
                        </a:rPr>
                        <a:t>Selle teema raames käsitletakse üksikasjalikult üliõpilaste digitaalse kodanikuaktiivsuse kontseptsiooni ja tutvustatakse üliõpilastele ja õppijatele digitaalse kodanikuaktiivsuse mõistet ja sellega seotud mõistete erinevusi. Näiteks uuritakse mõisteid kodanikuaktiivsus, digitaalne kodanikuosalus ja üliõpilaste digitaalne kodanikuosalus.</a:t>
                      </a:r>
                      <a:endParaRPr lang="en-LB" sz="110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2:</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195"/>
                        </a:spcBef>
                        <a:tabLst>
                          <a:tab pos="450215" algn="l"/>
                        </a:tabLst>
                      </a:pPr>
                      <a:r>
                        <a:rPr lang="et-EE" sz="1100" b="1" kern="1200">
                          <a:solidFill>
                            <a:srgbClr val="22385A"/>
                          </a:solidFill>
                          <a:latin typeface="+mn-lt"/>
                          <a:ea typeface="+mn-ea"/>
                          <a:cs typeface="+mn-cs"/>
                        </a:rPr>
                        <a:t>Kuidas digitaalne kodanikuosalus mõjutab ülikoole (ja muudki)</a:t>
                      </a:r>
                      <a:endParaRPr lang="en-LB" sz="1100" b="1" kern="1200">
                        <a:solidFill>
                          <a:srgbClr val="22385A"/>
                        </a:solidFill>
                        <a:latin typeface="+mn-lt"/>
                        <a:ea typeface="+mn-ea"/>
                        <a:cs typeface="+mn-cs"/>
                      </a:endParaRPr>
                    </a:p>
                    <a:p>
                      <a:pPr algn="just">
                        <a:lnSpc>
                          <a:spcPct val="100000"/>
                        </a:lnSpc>
                      </a:pPr>
                      <a:r>
                        <a:rPr lang="et-EE" sz="1100" kern="1200">
                          <a:solidFill>
                            <a:srgbClr val="22385A"/>
                          </a:solidFill>
                          <a:latin typeface="+mn-lt"/>
                          <a:ea typeface="+mn-ea"/>
                          <a:cs typeface="+mn-cs"/>
                        </a:rPr>
                        <a:t>Selle teema raames käsitletakse kodanikuosaluse ja digitehnoloogiate vahelisi seoseid. Õppijatele tutvustatakse esmalt DKO juhendit (selle projekti 1 väljund). Mooduli lõpus peaksid õppijad mõistma digitehnoloogiate tähtsust kodanikuosaluses. Selles osas tutvustatakse kahte projekti digitaliseerimise kontseptsiooni– eesmärgipärane digitaliseerimine ja erakorraline digitaliseerimine. Õppijad peaksid selle teema lõpuks suutma selgitada nende kahe kontseptsiooni erinevust ja seda, kuidas need saavad digitaalset kodanikuosaluse projekti mõjutada.</a:t>
                      </a:r>
                      <a:endParaRPr lang="en-LB" sz="110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r h="779174">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3:</a:t>
                      </a:r>
                      <a:endParaRPr lang="en-LB" sz="1100" b="1" kern="1200">
                        <a:solidFill>
                          <a:srgbClr val="22385A"/>
                        </a:solidFill>
                        <a:effectLst/>
                        <a:latin typeface="Calibri" panose="020F0502020204030204" pitchFamily="34" charset="0"/>
                        <a:ea typeface="+mn-ea"/>
                        <a:cs typeface="Calibri" panose="020F0502020204030204" pitchFamily="34" charset="0"/>
                      </a:endParaRPr>
                    </a:p>
                    <a:p>
                      <a:pPr indent="-457200" algn="ctr"/>
                      <a:r>
                        <a:rPr lang="et-EE" sz="1100" b="1" kern="1200">
                          <a:solidFill>
                            <a:srgbClr val="22385A"/>
                          </a:solidFill>
                          <a:effectLst/>
                          <a:latin typeface="Calibri" panose="020F0502020204030204" pitchFamily="34" charset="0"/>
                          <a:ea typeface="+mn-ea"/>
                          <a:cs typeface="Calibri" panose="020F0502020204030204" pitchFamily="34" charset="0"/>
                        </a:rPr>
                        <a:t> </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195"/>
                        </a:spcBef>
                        <a:tabLst>
                          <a:tab pos="450215" algn="l"/>
                        </a:tabLst>
                      </a:pPr>
                      <a:r>
                        <a:rPr lang="et-EE" sz="1100" b="1" kern="1200">
                          <a:solidFill>
                            <a:srgbClr val="22385A"/>
                          </a:solidFill>
                          <a:latin typeface="+mn-lt"/>
                          <a:ea typeface="+mn-ea"/>
                          <a:cs typeface="+mn-cs"/>
                        </a:rPr>
                        <a:t>Milliseid pädevusi õppijad kui kodanikuühiskonnas osalejad arendavad?</a:t>
                      </a:r>
                      <a:endParaRPr lang="en-LB" sz="1100" b="1" kern="1200">
                        <a:solidFill>
                          <a:srgbClr val="22385A"/>
                        </a:solidFill>
                        <a:latin typeface="+mn-lt"/>
                        <a:ea typeface="+mn-ea"/>
                        <a:cs typeface="+mn-cs"/>
                      </a:endParaRPr>
                    </a:p>
                    <a:p>
                      <a:pPr algn="just">
                        <a:lnSpc>
                          <a:spcPct val="100000"/>
                        </a:lnSpc>
                      </a:pPr>
                      <a:r>
                        <a:rPr lang="et-EE" sz="1100" kern="1200">
                          <a:solidFill>
                            <a:srgbClr val="22385A"/>
                          </a:solidFill>
                          <a:latin typeface="+mn-lt"/>
                          <a:ea typeface="+mn-ea"/>
                          <a:cs typeface="+mn-cs"/>
                        </a:rPr>
                        <a:t>Antud teemas käsitletavad mõisted on seotud digipädevuste ja ettevõtluspädevustega. Vastavad kompetentsid on leitavad Euroopa Komisjoni poolt välja töötatud DigComp2.1 ja EntreCompi raamistikest. See teema käsitleb pädevusi, mida õppijad arendavad, kui nad osalevad digitaalsetes kodanikuosaluse tegevustes. Selle teema käigus tutvustatakse õppijatele pädevusi „1.3 sirvimine, andmete, teabe ja digisisu otsimine ja filtreerimine“ (DigComp) ning „3.3. ebakindluse, ebaselguse ja riskiga toimetulek“ (EntreComp) pädevusi.</a:t>
                      </a:r>
                      <a:endParaRPr lang="en-LB" sz="110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1671931227"/>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4:</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195"/>
                        </a:spcBef>
                        <a:tabLst>
                          <a:tab pos="450215" algn="l"/>
                        </a:tabLst>
                      </a:pPr>
                      <a:r>
                        <a:rPr lang="et-EE" sz="1100" b="1" kern="1200">
                          <a:solidFill>
                            <a:srgbClr val="22385A"/>
                          </a:solidFill>
                          <a:latin typeface="+mn-lt"/>
                          <a:ea typeface="+mn-ea"/>
                          <a:cs typeface="+mn-cs"/>
                        </a:rPr>
                        <a:t>Üliõpilaste digitaalse kodanikosaluse näited</a:t>
                      </a:r>
                      <a:endParaRPr lang="en-LB" sz="1100" b="1" kern="1200">
                        <a:solidFill>
                          <a:srgbClr val="22385A"/>
                        </a:solidFill>
                        <a:latin typeface="+mn-lt"/>
                        <a:ea typeface="+mn-ea"/>
                        <a:cs typeface="+mn-cs"/>
                      </a:endParaRPr>
                    </a:p>
                    <a:p>
                      <a:pPr algn="just">
                        <a:lnSpc>
                          <a:spcPct val="100000"/>
                        </a:lnSpc>
                      </a:pPr>
                      <a:r>
                        <a:rPr lang="et-EE" sz="1100" kern="1200">
                          <a:solidFill>
                            <a:srgbClr val="22385A"/>
                          </a:solidFill>
                          <a:latin typeface="+mn-lt"/>
                          <a:ea typeface="+mn-ea"/>
                          <a:cs typeface="+mn-cs"/>
                        </a:rPr>
                        <a:t>Selle teema raames tutvustatakse õppijatele mõningaid juhtumanalüüse, mida uuriti Digitaalse kodanikuosaluse juhendi (IO1) koostamiseks raames. Selle teema lõpuks peaksid õppijad suutma tuua erinevaid näiteid juhtumitest üliõpilaste digitaalse kodanikuosaluse projektidest ning omama ettekujutust, millised võiksid digitaalsed kodanikuosaluse projektid tulevikus välja näha.</a:t>
                      </a:r>
                      <a:endParaRPr lang="en-LB" sz="110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877179963"/>
                  </a:ext>
                </a:extLst>
              </a:tr>
            </a:tbl>
          </a:graphicData>
        </a:graphic>
      </p:graphicFrame>
      <p:sp>
        <p:nvSpPr>
          <p:cNvPr id="7" name="Freeform 6">
            <a:extLst>
              <a:ext uri="{FF2B5EF4-FFF2-40B4-BE49-F238E27FC236}">
                <a16:creationId xmlns:a16="http://schemas.microsoft.com/office/drawing/2014/main" id="{4D8CC418-9E54-1446-9541-C9FEE2EBB1A8}"/>
              </a:ext>
            </a:extLst>
          </p:cNvPr>
          <p:cNvSpPr/>
          <p:nvPr/>
        </p:nvSpPr>
        <p:spPr>
          <a:xfrm>
            <a:off x="288257" y="717222"/>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cxnSp>
        <p:nvCxnSpPr>
          <p:cNvPr id="6" name="Straight Connector 5">
            <a:extLst>
              <a:ext uri="{FF2B5EF4-FFF2-40B4-BE49-F238E27FC236}">
                <a16:creationId xmlns:a16="http://schemas.microsoft.com/office/drawing/2014/main" id="{A781AFAA-B24E-1BA7-0917-26000005A406}"/>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8" name="Text Placeholder 25">
            <a:extLst>
              <a:ext uri="{FF2B5EF4-FFF2-40B4-BE49-F238E27FC236}">
                <a16:creationId xmlns:a16="http://schemas.microsoft.com/office/drawing/2014/main" id="{3306CFB1-92EE-CB28-6E7B-10B17A22923D}"/>
              </a:ext>
            </a:extLst>
          </p:cNvPr>
          <p:cNvSpPr>
            <a:spLocks noGrp="1"/>
          </p:cNvSpPr>
          <p:nvPr>
            <p:ph type="body" sz="quarter" idx="32" hasCustomPrompt="1"/>
          </p:nvPr>
        </p:nvSpPr>
        <p:spPr>
          <a:xfrm>
            <a:off x="1773598" y="10175681"/>
            <a:ext cx="4718277"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r>
              <a:rPr lang="et-EE" b="1"/>
              <a:t>Pedagoogiline juhend digitaalse kodanikuosaluse õpetamiseks (IO3)</a:t>
            </a:r>
            <a:endParaRPr lang="en-LB"/>
          </a:p>
        </p:txBody>
      </p:sp>
    </p:spTree>
    <p:extLst>
      <p:ext uri="{BB962C8B-B14F-4D97-AF65-F5344CB8AC3E}">
        <p14:creationId xmlns:p14="http://schemas.microsoft.com/office/powerpoint/2010/main" val="2336917525"/>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5">
            <a:extLst>
              <a:ext uri="{FF2B5EF4-FFF2-40B4-BE49-F238E27FC236}">
                <a16:creationId xmlns:a16="http://schemas.microsoft.com/office/drawing/2014/main" id="{F22929FC-E254-C94A-AD2A-92B6F96A9AD5}"/>
              </a:ext>
            </a:extLst>
          </p:cNvPr>
          <p:cNvGraphicFramePr>
            <a:graphicFrameLocks noGrp="1"/>
          </p:cNvGraphicFramePr>
          <p:nvPr>
            <p:extLst>
              <p:ext uri="{D42A27DB-BD31-4B8C-83A1-F6EECF244321}">
                <p14:modId xmlns:p14="http://schemas.microsoft.com/office/powerpoint/2010/main" val="3820354954"/>
              </p:ext>
            </p:extLst>
          </p:nvPr>
        </p:nvGraphicFramePr>
        <p:xfrm>
          <a:off x="503238" y="557213"/>
          <a:ext cx="6570133" cy="2606040"/>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374400">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1. mooduli harjutused ja tegevused:</a:t>
                      </a: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b="0" dirty="0">
                          <a:solidFill>
                            <a:srgbClr val="22385A"/>
                          </a:solidFill>
                        </a:rPr>
                        <a:t>Iga mooduli lõpus on mitu tegevust ja lisamaterjali, mida õppijad saavad täiendava info saamiseks ja õppimise kinnistamiseks teha või millega tutvuda. Pakutavad videod on loodud selleks, et anda õppijatele täiendavat konteksti ise õppimiseks kodus, tundide vahel või õues, võttes ise initsiatiivi. Esimene harjutuste komplekt on koostatud iseseisvaks tegevuseks. Teine harjutuste komplekt on mõeldud loengute raames toimuvaks rühmategevuseks.</a:t>
                      </a:r>
                    </a:p>
                    <a:p>
                      <a:pPr algn="just"/>
                      <a:r>
                        <a:rPr lang="en-GB" sz="1100" b="0" dirty="0">
                          <a:solidFill>
                            <a:srgbClr val="22385A"/>
                          </a:solidFill>
                        </a:rPr>
                        <a:t> </a:t>
                      </a:r>
                    </a:p>
                    <a:p>
                      <a:pPr algn="just"/>
                      <a:r>
                        <a:rPr lang="en-GB" sz="1100" b="0" dirty="0">
                          <a:solidFill>
                            <a:srgbClr val="22385A"/>
                          </a:solidFill>
                        </a:rPr>
                        <a:t>1. mooduli iseseisev tegevus õppijatele on vaadata pakutud videoid ja seejärel vastata küsimustele mõne selles moodulis käsitletud kontseptsiooni ja sisu kohta. Nende küsimuste eesmärk on ärgitada õppijaid mõtlema varasematele digitaalse kodanikuosaluse kogemustele, mida nad on võinud eelnevalt kogeda. Rühmatöö koondab õppijad meeskondadesse, et leida ideid oma potentsiaalse kodanikuosaluse projekti jaoks, mõtiskledes varasemate kogemuste üle, mis võivad pakkuda mõtteid ja kasulikke ideid tulevaste kodanikuosaluse projektide jaoks. </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bl>
          </a:graphicData>
        </a:graphic>
      </p:graphicFrame>
      <p:graphicFrame>
        <p:nvGraphicFramePr>
          <p:cNvPr id="6" name="Table 5">
            <a:extLst>
              <a:ext uri="{FF2B5EF4-FFF2-40B4-BE49-F238E27FC236}">
                <a16:creationId xmlns:a16="http://schemas.microsoft.com/office/drawing/2014/main" id="{D41E8CA8-1507-FE43-A0C2-D5D0166ECEE2}"/>
              </a:ext>
            </a:extLst>
          </p:cNvPr>
          <p:cNvGraphicFramePr>
            <a:graphicFrameLocks noGrp="1"/>
          </p:cNvGraphicFramePr>
          <p:nvPr>
            <p:extLst>
              <p:ext uri="{D42A27DB-BD31-4B8C-83A1-F6EECF244321}">
                <p14:modId xmlns:p14="http://schemas.microsoft.com/office/powerpoint/2010/main" val="353205695"/>
              </p:ext>
            </p:extLst>
          </p:nvPr>
        </p:nvGraphicFramePr>
        <p:xfrm>
          <a:off x="503238" y="3205178"/>
          <a:ext cx="6570133" cy="6735576"/>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Moodul</a:t>
                      </a:r>
                      <a:r>
                        <a:rPr lang="en-LB">
                          <a:effectLst/>
                        </a:rPr>
                        <a:t> </a:t>
                      </a:r>
                      <a:r>
                        <a:rPr lang="en-GB" sz="1488" b="1" kern="1200" dirty="0">
                          <a:solidFill>
                            <a:schemeClr val="lt1"/>
                          </a:solidFill>
                          <a:effectLst/>
                          <a:latin typeface="+mn-lt"/>
                          <a:ea typeface="+mn-ea"/>
                          <a:cs typeface="+mn-cs"/>
                        </a:rPr>
                        <a:t> 2</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et-EE" sz="1488" b="1" kern="1200">
                          <a:solidFill>
                            <a:schemeClr val="lt1"/>
                          </a:solidFill>
                          <a:effectLst/>
                          <a:latin typeface="+mn-lt"/>
                          <a:ea typeface="+mn-ea"/>
                          <a:cs typeface="+mn-cs"/>
                        </a:rPr>
                        <a:t>Millised on õppijate võimalused?</a:t>
                      </a:r>
                      <a:r>
                        <a:rPr lang="en-LB">
                          <a:effectLst/>
                        </a:rPr>
                        <a:t> </a:t>
                      </a:r>
                      <a:endParaRPr lang="en-RU" dirty="0">
                        <a:solidFill>
                          <a:schemeClr val="bg1"/>
                        </a:solidFill>
                      </a:endParaRP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374400">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Tutvustus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Moodulis käsitletakse õppijate kui digitaalse kodanikuosaluse tegevustes osalejate väljakutseid. Õppijad saavad teada, kuidas leida erinevaid näiteid ja millised on võimalused kodanikuosaluse projektide loomiseks ning milliseid pädevusi ja oskusi nad selle tegevuse käigus saavad arendada.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1:</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195"/>
                        </a:spcBef>
                        <a:spcAft>
                          <a:spcPts val="0"/>
                        </a:spcAft>
                        <a:tabLst>
                          <a:tab pos="450215" algn="l"/>
                        </a:tabLst>
                      </a:pPr>
                      <a:r>
                        <a:rPr lang="et-EE" sz="12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Lahendamist vajavad probleemid – tähelepanu keskpunktis globaalsed probleemid.</a:t>
                      </a:r>
                      <a:endParaRPr lang="en-LB" sz="105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just">
                        <a:lnSpc>
                          <a:spcPct val="100000"/>
                        </a:lnSpc>
                      </a:pPr>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Selle teema raames tutvustatakse õppijatele, kuidas leida lahendamist vajavaid probleeme nii globaalsel kui ka kohaliku kogukonna tasandil. Selle teema õpieesmärgiks on anda ideid erinevate kohalike kogukondade ja globaalsete probleemide tuvastamiseks.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481162">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2:</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15000"/>
                        </a:lnSpc>
                        <a:spcBef>
                          <a:spcPts val="195"/>
                        </a:spcBef>
                        <a:spcAft>
                          <a:spcPts val="0"/>
                        </a:spcAft>
                        <a:tabLst>
                          <a:tab pos="450215" algn="l"/>
                        </a:tabLst>
                      </a:pPr>
                      <a:r>
                        <a:rPr lang="et-EE" sz="12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Oma kogukonna arendamine kodanikuosaluse kaudu</a:t>
                      </a:r>
                      <a:endParaRPr lang="en-LB" sz="105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Selle teema raames tutvustatakse õppijatele mõningaid häid praktikaid, mis on võetud juhtumiuuringutest. Õppijad peaksid suutma tuvastada, mis mõjutab projektide toimimist ja miks nad on kogukonnale kasulikud.</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3:</a:t>
                      </a:r>
                      <a:endParaRPr lang="en-LB" sz="1100" b="1" kern="1200">
                        <a:solidFill>
                          <a:srgbClr val="22385A"/>
                        </a:solidFill>
                        <a:effectLst/>
                        <a:latin typeface="Calibri" panose="020F0502020204030204" pitchFamily="34" charset="0"/>
                        <a:ea typeface="+mn-ea"/>
                        <a:cs typeface="Calibri" panose="020F0502020204030204" pitchFamily="34" charset="0"/>
                      </a:endParaRPr>
                    </a:p>
                    <a:p>
                      <a:pPr indent="-457200" algn="ctr"/>
                      <a:r>
                        <a:rPr lang="et-EE" sz="1100" b="1" kern="1200">
                          <a:solidFill>
                            <a:srgbClr val="22385A"/>
                          </a:solidFill>
                          <a:effectLst/>
                          <a:latin typeface="Calibri" panose="020F0502020204030204" pitchFamily="34" charset="0"/>
                          <a:ea typeface="+mn-ea"/>
                          <a:cs typeface="Calibri" panose="020F0502020204030204" pitchFamily="34" charset="0"/>
                        </a:rPr>
                        <a:t> </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15000"/>
                        </a:lnSpc>
                        <a:spcBef>
                          <a:spcPts val="195"/>
                        </a:spcBef>
                        <a:spcAft>
                          <a:spcPts val="0"/>
                        </a:spcAft>
                        <a:tabLst>
                          <a:tab pos="450215" algn="l"/>
                        </a:tabLst>
                      </a:pPr>
                      <a:r>
                        <a:rPr lang="et-EE" sz="12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DKO projekt praktilise õppe (service learning) meetodit rakendades.</a:t>
                      </a:r>
                      <a:endParaRPr lang="en-LB" sz="105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See moodul käsitleb praktilise õppe kontseptsiooni ja selle mõju õppijatele kui kodanikuühiskonnas osalejatele. Peale selle teema käsitlemist peaksid õppijad suutma selgitada praktilise õppe kontseptsiooni ja tuua selle kohta näiteid. Lisaks käsitletakse ka praktilise õppe eeliseid ja seda, milline on praktilise õppe kui pedagoogilise lähenemise võimalused.</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1671931227"/>
                  </a:ext>
                </a:extLst>
              </a:tr>
              <a:tr h="194179">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4:</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15000"/>
                        </a:lnSpc>
                        <a:spcBef>
                          <a:spcPts val="195"/>
                        </a:spcBef>
                        <a:spcAft>
                          <a:spcPts val="0"/>
                        </a:spcAft>
                        <a:tabLst>
                          <a:tab pos="450215" algn="l"/>
                        </a:tabLst>
                      </a:pPr>
                      <a:r>
                        <a:rPr lang="et-EE" sz="12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DKO tõstab õppijate pädevuste taset. Siin on võimalused.</a:t>
                      </a:r>
                      <a:endParaRPr lang="en-LB" sz="105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utvustage DigCompi ja EntreCompi raamistikke. See teema käsitleb pädevusi, mida õppijad arendavad, kui nad osalevad digitaalsetes kodanikuosaluse tegevustes. Õppijatele tutvustatakse pädevusi “2.3 Kodanikutegevuses osalemine digitehnoloogiate kaudu” (DigComp) ja “1.5 Eetiline ja jätkusuutlik mõtlemine” (EntreComp).</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877179963"/>
                  </a:ext>
                </a:extLst>
              </a:tr>
              <a:tr h="374400">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2. mooduli harjutused ja tegevused:</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Iga mooduli lõpus on mitu tegevust ja lisamaterjali, mida õppijad saavad täiendava info saamiseks ja õppimise kinnistamiseks teha või millega tutvuda. Selle osa videod uurivad ÜRO säästva arengu eesmärke, uusi kodanikuosaluse mudeleid, inspireerivat TED-kõnet noorte kodanikuaktiivsuse taastamisest ja videot, mis tõstab esile ülikoolide kolmanda missiooni tähtsust. Mooduli 2 tegevus hõlmab selliste probleemide tuvastamist ja nendega tegelemist, mida kodanikuosaluse projekt suudab lahendada. Sarnaselt eelmise mooduliga on teine harjutuste komplekt mõeldud rakendamiseks loengute raames toimuva rühmatöö osana. Rühmatööna peavad õppijad mõtlema oma kogemustele DKO projekti(de)ga ning milliste probleemidega nad võivad kokku puutuda ja kuidas nad neid võiksid lahendad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3118531008"/>
                  </a:ext>
                </a:extLst>
              </a:tr>
            </a:tbl>
          </a:graphicData>
        </a:graphic>
      </p:graphicFrame>
      <p:cxnSp>
        <p:nvCxnSpPr>
          <p:cNvPr id="3" name="Straight Connector 2">
            <a:extLst>
              <a:ext uri="{FF2B5EF4-FFF2-40B4-BE49-F238E27FC236}">
                <a16:creationId xmlns:a16="http://schemas.microsoft.com/office/drawing/2014/main" id="{BC990B40-AF01-7FF0-9CC7-1F07F8B07C0B}"/>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4A5C507F-F558-FB67-E818-8CB387ADFEC5}"/>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3629342610"/>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4">
            <a:extLst>
              <a:ext uri="{FF2B5EF4-FFF2-40B4-BE49-F238E27FC236}">
                <a16:creationId xmlns:a16="http://schemas.microsoft.com/office/drawing/2014/main" id="{F99DE36A-DF76-3C42-89F0-E8B8B4537B6E}"/>
              </a:ext>
            </a:extLst>
          </p:cNvPr>
          <p:cNvGraphicFramePr>
            <a:graphicFrameLocks noGrp="1"/>
          </p:cNvGraphicFramePr>
          <p:nvPr>
            <p:extLst>
              <p:ext uri="{D42A27DB-BD31-4B8C-83A1-F6EECF244321}">
                <p14:modId xmlns:p14="http://schemas.microsoft.com/office/powerpoint/2010/main" val="950263610"/>
              </p:ext>
            </p:extLst>
          </p:nvPr>
        </p:nvGraphicFramePr>
        <p:xfrm>
          <a:off x="503238" y="557213"/>
          <a:ext cx="6570133" cy="7595112"/>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Moodul</a:t>
                      </a:r>
                      <a:r>
                        <a:rPr lang="en-LB">
                          <a:effectLst/>
                        </a:rPr>
                        <a:t> </a:t>
                      </a:r>
                      <a:r>
                        <a:rPr lang="en-GB" sz="1488" b="1" kern="1200" dirty="0">
                          <a:solidFill>
                            <a:schemeClr val="lt1"/>
                          </a:solidFill>
                          <a:effectLst/>
                          <a:latin typeface="+mn-lt"/>
                          <a:ea typeface="+mn-ea"/>
                          <a:cs typeface="+mn-cs"/>
                        </a:rPr>
                        <a:t> 3</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en-US" sz="1488" b="1" kern="1200" dirty="0">
                          <a:solidFill>
                            <a:schemeClr val="lt1"/>
                          </a:solidFill>
                          <a:effectLst/>
                          <a:latin typeface="+mn-lt"/>
                          <a:ea typeface="+mn-ea"/>
                          <a:cs typeface="+mn-cs"/>
                        </a:rPr>
                        <a:t>Kuidas luua digitaalset kodanikuosaluse projekti?</a:t>
                      </a: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374400">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Tutvustus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dirty="0">
                          <a:solidFill>
                            <a:srgbClr val="22385A"/>
                          </a:solidFill>
                        </a:rPr>
                        <a:t>Selles moodulis käsitletakse teemasid, kuidas õppijad saavad osaleda nende enda digitaalsetes kodanikuosaluse tegevustes. Õppijad saavad tutvuda erinevate DKO näidetega ja teadmisi, mis aitavad neil hinnata projekti õnnestumist. See moodul selgitab, kuidas õppijad saavad oma digitaalse kodanikuosaluse projektiga alustada.</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1:</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15000"/>
                        </a:lnSpc>
                        <a:spcBef>
                          <a:spcPts val="195"/>
                        </a:spcBef>
                        <a:spcAft>
                          <a:spcPts val="0"/>
                        </a:spcAft>
                        <a:tabLst>
                          <a:tab pos="450215" algn="l"/>
                        </a:tabLst>
                      </a:pPr>
                      <a:r>
                        <a:rPr lang="et-EE" sz="12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Millest koosnevad või mida sisaldavad suurepärased digitaalsed kodanikuosaluse projektid?</a:t>
                      </a:r>
                      <a:endParaRPr lang="en-LB" sz="105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See teema käsitleb sarnasusi digitaalsete kodanikuosaluse projektide vahel, aidates esile tõsta seda, mis võib tagada digitaalse kodanikuosaluse projekti edu. Selle teema õpiväljundid hõlmavad arusaama sellest, mis teeb kodanikuosaluse projekti heaks, samuti kuidas alustada enda digitaalse kodanikuosaluse projekti loomist ja selles osaled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481162">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2:</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15000"/>
                        </a:lnSpc>
                        <a:spcBef>
                          <a:spcPts val="195"/>
                        </a:spcBef>
                        <a:spcAft>
                          <a:spcPts val="0"/>
                        </a:spcAft>
                        <a:tabLst>
                          <a:tab pos="450215" algn="l"/>
                        </a:tabLst>
                      </a:pPr>
                      <a:r>
                        <a:rPr lang="et-EE" sz="12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Osalemine oma esimeses digitaalses kodanikuosaluse projektis/algatuses</a:t>
                      </a:r>
                      <a:endParaRPr lang="en-LB" sz="105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See teema raames käsitletakse, kuidas alustada omaenda digitaalse kodanikuosaluse projektiga. Selle teema õpiväljundiks on mõista, kuidas luua digitaalse kodanikuosaluse projekti ja kuidas teha esimesi samme, jõudmaks toimiva projektini. Juhtumianalüüsid pakuvad reaalseid näiteid, kuidas kodanikuosaluse projektid on kujunenud.</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3:</a:t>
                      </a:r>
                      <a:endParaRPr lang="en-LB" sz="1100" b="1" kern="1200">
                        <a:solidFill>
                          <a:srgbClr val="22385A"/>
                        </a:solidFill>
                        <a:effectLst/>
                        <a:latin typeface="Calibri" panose="020F0502020204030204" pitchFamily="34" charset="0"/>
                        <a:ea typeface="+mn-ea"/>
                        <a:cs typeface="Calibri" panose="020F0502020204030204" pitchFamily="34" charset="0"/>
                      </a:endParaRPr>
                    </a:p>
                    <a:p>
                      <a:pPr indent="-457200" algn="ctr"/>
                      <a:r>
                        <a:rPr lang="et-EE" sz="1100" b="1" kern="1200">
                          <a:solidFill>
                            <a:srgbClr val="22385A"/>
                          </a:solidFill>
                          <a:effectLst/>
                          <a:latin typeface="Calibri" panose="020F0502020204030204" pitchFamily="34" charset="0"/>
                          <a:ea typeface="+mn-ea"/>
                          <a:cs typeface="Calibri" panose="020F0502020204030204" pitchFamily="34" charset="0"/>
                        </a:rPr>
                        <a:t> </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15000"/>
                        </a:lnSpc>
                        <a:spcBef>
                          <a:spcPts val="195"/>
                        </a:spcBef>
                        <a:spcAft>
                          <a:spcPts val="0"/>
                        </a:spcAft>
                        <a:tabLst>
                          <a:tab pos="450215" algn="l"/>
                        </a:tabLst>
                      </a:pPr>
                      <a:r>
                        <a:rPr lang="et-EE" sz="12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ehnoloogia kasutamine oma kodanikuosaluse tõhustamiseks</a:t>
                      </a:r>
                      <a:endParaRPr lang="en-LB" sz="105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Selle teema raames käsitletakse töövahendeid ja põhjusi, miks õppijad peaksid oma DKO-projektis digitehnoloogiat kasutama. Selle teema õpiväljundid võimaldavad õppijatel tundma õppida erinevaid digivahendeid ja kuidas neid kasutada digitaalse kodanikuosaluse projekti väljatöötamisel/arendamisel.</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1671931227"/>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4:</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15000"/>
                        </a:lnSpc>
                        <a:spcBef>
                          <a:spcPts val="195"/>
                        </a:spcBef>
                        <a:spcAft>
                          <a:spcPts val="0"/>
                        </a:spcAft>
                        <a:tabLst>
                          <a:tab pos="450215" algn="l"/>
                        </a:tabLst>
                      </a:pPr>
                      <a:r>
                        <a:rPr lang="et-EE" sz="12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Digitaalsete kodanike kaasamise lahenduste kavandamine/pakkumine</a:t>
                      </a:r>
                      <a:endParaRPr lang="en-LB" sz="105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See teema selgitab, kuidas pakkuda lahendusi probleemidele, mida digitaalse kodanikuosaluse projekt võib lahendada. Selle teema õpiväljundiks on teha kindlaks, kuidas digitehnoloogiad võivad mõjutada DKO projekti kavandamist ja elluviimist ning kuidas neid rakendad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877179963"/>
                  </a:ext>
                </a:extLst>
              </a:tr>
              <a:tr h="528948">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3. mooduli harjutused ja tegevused:</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3. moodul käsitleb sotsiaalmeediat ja kuidas seda saab kasutada kodanikuosaluse toetamiseks ja toob välja, kuidas kodanikuaktiivsus võib meie ühiskonda aidata. Esimene harjutuste komplekt, mis on loodud iseseisva tegevusena, hõlmab soovitatud videosisu vaatamist ja seejärel pakutud tegevuste lõpetamist. Iseseisev õpe hõlmab meeskonna loomise viiside väljaselgitamist ja mõningaid probleeme, millega võib digitaalse kodanikuosaluse projekti loomisel kokku puutud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eine tegevus on taas grupitöö, kus õppijad paigutatakse rühmadesse, kus neil palutakse nullist luua kujuteldav kodanikuosaluse projekt. Meeskonnakaaslaste ülesannete hulka kuulub projektis üksteisele rollide määramine, selgitades välja iga meeskonnaliikme tugevused ja oskused, mida nad saaksid projekti elluviimisel rakendada</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3118531008"/>
                  </a:ext>
                </a:extLst>
              </a:tr>
            </a:tbl>
          </a:graphicData>
        </a:graphic>
      </p:graphicFrame>
      <p:cxnSp>
        <p:nvCxnSpPr>
          <p:cNvPr id="3" name="Straight Connector 2">
            <a:extLst>
              <a:ext uri="{FF2B5EF4-FFF2-40B4-BE49-F238E27FC236}">
                <a16:creationId xmlns:a16="http://schemas.microsoft.com/office/drawing/2014/main" id="{DEADA25B-1EE7-EB38-B7F5-B6E7A0A7984D}"/>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CDAED671-B34B-F0FC-13FE-B5899435162C}"/>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834774596"/>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4">
            <a:extLst>
              <a:ext uri="{FF2B5EF4-FFF2-40B4-BE49-F238E27FC236}">
                <a16:creationId xmlns:a16="http://schemas.microsoft.com/office/drawing/2014/main" id="{D62C52A9-1D67-484D-9B65-725915A873C2}"/>
              </a:ext>
            </a:extLst>
          </p:cNvPr>
          <p:cNvGraphicFramePr>
            <a:graphicFrameLocks noGrp="1"/>
          </p:cNvGraphicFramePr>
          <p:nvPr>
            <p:extLst>
              <p:ext uri="{D42A27DB-BD31-4B8C-83A1-F6EECF244321}">
                <p14:modId xmlns:p14="http://schemas.microsoft.com/office/powerpoint/2010/main" val="884428881"/>
              </p:ext>
            </p:extLst>
          </p:nvPr>
        </p:nvGraphicFramePr>
        <p:xfrm>
          <a:off x="503238" y="557213"/>
          <a:ext cx="6570133" cy="6887976"/>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Moodul</a:t>
                      </a:r>
                      <a:r>
                        <a:rPr lang="en-LB">
                          <a:effectLst/>
                        </a:rPr>
                        <a:t> </a:t>
                      </a:r>
                      <a:r>
                        <a:rPr lang="en-GB" sz="1488" b="1" kern="1200" dirty="0">
                          <a:solidFill>
                            <a:schemeClr val="lt1"/>
                          </a:solidFill>
                          <a:effectLst/>
                          <a:latin typeface="+mn-lt"/>
                          <a:ea typeface="+mn-ea"/>
                          <a:cs typeface="+mn-cs"/>
                        </a:rPr>
                        <a:t> 4</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et-EE" sz="1488" b="1" kern="1200">
                          <a:solidFill>
                            <a:schemeClr val="lt1"/>
                          </a:solidFill>
                          <a:effectLst/>
                          <a:latin typeface="+mn-lt"/>
                          <a:ea typeface="+mn-ea"/>
                          <a:cs typeface="+mn-cs"/>
                        </a:rPr>
                        <a:t>Digitaalse kodanikuosaluse projekti juhtimine</a:t>
                      </a:r>
                      <a:r>
                        <a:rPr lang="en-LB">
                          <a:effectLst/>
                        </a:rPr>
                        <a:t> </a:t>
                      </a:r>
                      <a:endParaRPr lang="en-RU" sz="1488" b="1" kern="1200" dirty="0">
                        <a:solidFill>
                          <a:schemeClr val="lt1"/>
                        </a:solidFill>
                        <a:effectLst/>
                        <a:latin typeface="+mn-lt"/>
                        <a:ea typeface="+mn-ea"/>
                        <a:cs typeface="+mn-cs"/>
                      </a:endParaRP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374400">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Tutvustus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t-EE" sz="1100">
                          <a:effectLst/>
                          <a:latin typeface="Calibri" panose="020F0502020204030204" pitchFamily="34" charset="0"/>
                          <a:ea typeface="Calibri" panose="020F0502020204030204" pitchFamily="34" charset="0"/>
                          <a:cs typeface="Times New Roman" panose="02020603050405020304" pitchFamily="18" charset="0"/>
                        </a:rPr>
                        <a:t>Selles moodulis tutvustatakse projektijuhtimise kontseptsiooni. Mooduli läbinud õppijad peaksid suutma luua meeskonna ja sobitada meeskonnakaaslased oskustega, mis on vajalikud projekti õnnestumiseks. Õppijad tutvuvad ka mõningate probleemidega, mis võivad mõjutada DKO projekti juhtimist, ja õpivad, kuidas projekti õigesti hinnata.</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1:</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15000"/>
                        </a:lnSpc>
                        <a:spcBef>
                          <a:spcPts val="195"/>
                        </a:spcBef>
                        <a:spcAft>
                          <a:spcPts val="0"/>
                        </a:spcAft>
                        <a:tabLst>
                          <a:tab pos="450215" algn="l"/>
                        </a:tabLst>
                      </a:pPr>
                      <a:r>
                        <a:rPr lang="et-EE" sz="1200" b="1">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Digitaalse kodanikuosaluse meeskonna disainimine ja selles töötamine</a:t>
                      </a:r>
                      <a:endParaRPr lang="en-LB" sz="105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effectLst/>
                          <a:latin typeface="Calibri" panose="020F0502020204030204" pitchFamily="34" charset="0"/>
                          <a:ea typeface="Calibri" panose="020F0502020204030204" pitchFamily="34" charset="0"/>
                          <a:cs typeface="Times New Roman" panose="02020603050405020304" pitchFamily="18" charset="0"/>
                        </a:rPr>
                        <a:t>Antud teema käsitleb, kuidas üliõpilaste digitaalses kodanikuosaluse meeskonda kujundada ja selles töötada. Kolmandas moodulis õpitule tuginedes peaks selle teema õpiväljundina õppijatel olema oskus, kuidas luua meeskonda idee väljatöötamiseks, ning võime analüüsida, millised oskuse on meeskonnakaaslastel ja kuidas neid eduka projekti heaks rakendada.</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481162">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2:</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15000"/>
                        </a:lnSpc>
                        <a:spcBef>
                          <a:spcPts val="195"/>
                        </a:spcBef>
                        <a:spcAft>
                          <a:spcPts val="0"/>
                        </a:spcAft>
                        <a:tabLst>
                          <a:tab pos="450215" algn="l"/>
                        </a:tabLst>
                      </a:pPr>
                      <a:r>
                        <a:rPr lang="et-EE" sz="1200" b="1">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Takistuste muutmine tugevusteks</a:t>
                      </a:r>
                      <a:endParaRPr lang="en-LB" sz="105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effectLst/>
                          <a:latin typeface="Calibri" panose="020F0502020204030204" pitchFamily="34" charset="0"/>
                          <a:ea typeface="Calibri" panose="020F0502020204030204" pitchFamily="34" charset="0"/>
                          <a:cs typeface="Times New Roman" panose="02020603050405020304" pitchFamily="18" charset="0"/>
                        </a:rPr>
                        <a:t>See teema käsitleb, kuidas tegeleda projektijuhtimise negatiivsete juhtumitega ja kuidas neid muuta positiivseks. Selle mooduli läbinud õppijad peaksid suutma mõista juurdekasvu-uskumuse mõtteviisi kontseptsiooni ja selle loomise eeliseid.</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3:</a:t>
                      </a:r>
                      <a:endParaRPr lang="en-LB" sz="1100" b="1" kern="1200">
                        <a:solidFill>
                          <a:srgbClr val="22385A"/>
                        </a:solidFill>
                        <a:effectLst/>
                        <a:latin typeface="Calibri" panose="020F0502020204030204" pitchFamily="34" charset="0"/>
                        <a:ea typeface="+mn-ea"/>
                        <a:cs typeface="Calibri" panose="020F0502020204030204" pitchFamily="34" charset="0"/>
                      </a:endParaRPr>
                    </a:p>
                    <a:p>
                      <a:pPr indent="-457200" algn="ctr"/>
                      <a:r>
                        <a:rPr lang="et-EE" sz="1100" b="1" kern="1200">
                          <a:solidFill>
                            <a:srgbClr val="22385A"/>
                          </a:solidFill>
                          <a:effectLst/>
                          <a:latin typeface="Calibri" panose="020F0502020204030204" pitchFamily="34" charset="0"/>
                          <a:ea typeface="+mn-ea"/>
                          <a:cs typeface="Calibri" panose="020F0502020204030204" pitchFamily="34" charset="0"/>
                        </a:rPr>
                        <a:t> </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15000"/>
                        </a:lnSpc>
                        <a:spcBef>
                          <a:spcPts val="195"/>
                        </a:spcBef>
                        <a:spcAft>
                          <a:spcPts val="0"/>
                        </a:spcAft>
                        <a:tabLst>
                          <a:tab pos="450215" algn="l"/>
                        </a:tabLst>
                      </a:pPr>
                      <a:r>
                        <a:rPr lang="et-EE" sz="1200" b="1">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Projekti väsimuse vältimine</a:t>
                      </a:r>
                      <a:endParaRPr lang="en-LB" sz="105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effectLst/>
                          <a:latin typeface="Calibri" panose="020F0502020204030204" pitchFamily="34" charset="0"/>
                          <a:ea typeface="Calibri" panose="020F0502020204030204" pitchFamily="34" charset="0"/>
                          <a:cs typeface="Times New Roman" panose="02020603050405020304" pitchFamily="18" charset="0"/>
                        </a:rPr>
                        <a:t>See teema käsitleb projekti väsimuse kontseptsiooni ja muid väsimuse allikaid, mis võivad projekti edukust mõjutada (nt Zoomi väsimus). Õppijad peaksid suutma ära tunda projektiväsimuse sümptomeid ning rakendama oma projekti kavandamisel lahendusi, mis aitavad nende võimalike probleemidega võidelda.</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1671931227"/>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4:</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195"/>
                        </a:spcBef>
                        <a:spcAft>
                          <a:spcPts val="0"/>
                        </a:spcAft>
                        <a:tabLst>
                          <a:tab pos="450215" algn="l"/>
                        </a:tabLst>
                      </a:pPr>
                      <a:r>
                        <a:rPr lang="et-EE" sz="1200" b="1">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Mõju hindamine</a:t>
                      </a:r>
                      <a:endParaRPr lang="en-LB" sz="105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p>
                      <a:pPr algn="just">
                        <a:lnSpc>
                          <a:spcPct val="100000"/>
                        </a:lnSpc>
                      </a:pPr>
                      <a:r>
                        <a:rPr lang="et-EE" sz="1100">
                          <a:effectLst/>
                          <a:latin typeface="Calibri" panose="020F0502020204030204" pitchFamily="34" charset="0"/>
                          <a:ea typeface="Calibri" panose="020F0502020204030204" pitchFamily="34" charset="0"/>
                          <a:cs typeface="Times New Roman" panose="02020603050405020304" pitchFamily="18" charset="0"/>
                        </a:rPr>
                        <a:t>See teema toob esile hindamise tähtsuse ja arutleb, miks seda projektijuhtimise raames tehakse. Õppijad peaksid teema läbimise järel mõistma, kuidas projekti hinnata ning mõistma hindamise eeliseid.</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877179963"/>
                  </a:ext>
                </a:extLst>
              </a:tr>
              <a:tr h="374400">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4. mooduli harjutused ja tegevused:</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t-EE" sz="1100">
                          <a:effectLst/>
                          <a:latin typeface="Calibri" panose="020F0502020204030204" pitchFamily="34" charset="0"/>
                          <a:ea typeface="Calibri" panose="020F0502020204030204" pitchFamily="34" charset="0"/>
                          <a:cs typeface="Times New Roman" panose="02020603050405020304" pitchFamily="18" charset="0"/>
                        </a:rPr>
                        <a:t>4. mooduli lõpus on mitu tegevust ja lisamaterjali, mida õppijad saavad täiendava info saamiseks ja õppimise kinnistamiseks teha või millega tutvuda. Pakutavad videod on selleks, et anda õppijatele täiendavat infot iseseisvaks tööks, mida nad saavad teha kodus või tundide vahel. Selle mooduli videote sisu käsitleb juurdekasvu-uskumust ja seda, kuidas see inimestele kasu võib tuua. Videosisu käsitleb ka projektijuhtimise negatiivseid mõjusid, nagu projekti väsimus.</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effectLst/>
                          <a:latin typeface="Calibri" panose="020F0502020204030204" pitchFamily="34" charset="0"/>
                          <a:ea typeface="Calibri" panose="020F0502020204030204" pitchFamily="34" charset="0"/>
                          <a:cs typeface="Times New Roman" panose="02020603050405020304" pitchFamily="18" charset="0"/>
                        </a:rPr>
                        <a:t> </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p>
                      <a:pPr algn="just"/>
                      <a:r>
                        <a:rPr lang="et-EE" sz="1100">
                          <a:effectLst/>
                          <a:latin typeface="Calibri" panose="020F0502020204030204" pitchFamily="34" charset="0"/>
                          <a:ea typeface="Calibri" panose="020F0502020204030204" pitchFamily="34" charset="0"/>
                          <a:cs typeface="Times New Roman" panose="02020603050405020304" pitchFamily="18" charset="0"/>
                        </a:rPr>
                        <a:t>Taas on esimene harjutuste komplekt iseseisvaks õppeks. Iseseisev töö sisaldab mõtisklust, mille käigus õppijaid julgustatakse mõtisklema mooduli juurdekasvu-uskumuse aspekti üle. Teine harjutuste komplekt on mõeldud grupitööks loengutes ning käsitleb meeskonnatöö ja meeskonna loomise kontseptsiooni projektijuhtimiseks.</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3118531008"/>
                  </a:ext>
                </a:extLst>
              </a:tr>
            </a:tbl>
          </a:graphicData>
        </a:graphic>
      </p:graphicFrame>
      <p:cxnSp>
        <p:nvCxnSpPr>
          <p:cNvPr id="3" name="Straight Connector 2">
            <a:extLst>
              <a:ext uri="{FF2B5EF4-FFF2-40B4-BE49-F238E27FC236}">
                <a16:creationId xmlns:a16="http://schemas.microsoft.com/office/drawing/2014/main" id="{C5E89721-7803-85E6-8A27-7BFDB5FDF2CA}"/>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DF1C3700-CC95-2F88-1E04-2F705FE4C085}"/>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2629690125"/>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4">
            <a:extLst>
              <a:ext uri="{FF2B5EF4-FFF2-40B4-BE49-F238E27FC236}">
                <a16:creationId xmlns:a16="http://schemas.microsoft.com/office/drawing/2014/main" id="{BBC0220C-7931-BB48-98C1-EA7E455B9386}"/>
              </a:ext>
            </a:extLst>
          </p:cNvPr>
          <p:cNvGraphicFramePr>
            <a:graphicFrameLocks noGrp="1"/>
          </p:cNvGraphicFramePr>
          <p:nvPr>
            <p:extLst>
              <p:ext uri="{D42A27DB-BD31-4B8C-83A1-F6EECF244321}">
                <p14:modId xmlns:p14="http://schemas.microsoft.com/office/powerpoint/2010/main" val="2051013"/>
              </p:ext>
            </p:extLst>
          </p:nvPr>
        </p:nvGraphicFramePr>
        <p:xfrm>
          <a:off x="503238" y="557213"/>
          <a:ext cx="6570133" cy="6669596"/>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Moodul</a:t>
                      </a:r>
                      <a:r>
                        <a:rPr lang="en-LB">
                          <a:effectLst/>
                        </a:rPr>
                        <a:t> </a:t>
                      </a:r>
                      <a:r>
                        <a:rPr lang="en-GB" sz="1488" b="1" kern="1200" dirty="0">
                          <a:solidFill>
                            <a:schemeClr val="lt1"/>
                          </a:solidFill>
                          <a:effectLst/>
                          <a:latin typeface="+mn-lt"/>
                          <a:ea typeface="+mn-ea"/>
                          <a:cs typeface="+mn-cs"/>
                        </a:rPr>
                        <a:t> 5</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et-EE" sz="1488" b="1" kern="1200">
                          <a:solidFill>
                            <a:schemeClr val="lt1"/>
                          </a:solidFill>
                          <a:effectLst/>
                          <a:latin typeface="+mn-lt"/>
                          <a:ea typeface="+mn-ea"/>
                          <a:cs typeface="+mn-cs"/>
                        </a:rPr>
                        <a:t>Kuidas luua eelarvet ja rahastada oma projekti, rakendades sealhulgas tehnoloogiale keskendunud mudeleid</a:t>
                      </a:r>
                      <a:r>
                        <a:rPr lang="en-LB">
                          <a:effectLst/>
                        </a:rPr>
                        <a:t> </a:t>
                      </a:r>
                      <a:endParaRPr lang="en-US" sz="1488" b="1" kern="1200" dirty="0">
                        <a:solidFill>
                          <a:schemeClr val="lt1"/>
                        </a:solidFill>
                        <a:effectLst/>
                        <a:latin typeface="+mn-lt"/>
                        <a:ea typeface="+mn-ea"/>
                        <a:cs typeface="+mn-cs"/>
                      </a:endParaRP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485289">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Tutvustus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dirty="0">
                          <a:solidFill>
                            <a:srgbClr val="22385A"/>
                          </a:solidFill>
                        </a:rPr>
                        <a:t>Selles moodulis tutvustatakse projekti eelarve koostamist ja rahastamist, pakkudes õppijatele ideid ja ressursse selle kohta, kuidas nad saaksid rahastada oma digitaalset kodanikuosaluse projekti. Samuti tutvustatakse ettevõtte sotsiaalse vastutuse kontseptsiooni ja seda, kuidas see võib digitaalset kodanikuosaluse projekti positiivselt mõjutada.</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1:</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marL="0" marR="0" indent="0" algn="just"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latin typeface="+mn-lt"/>
                          <a:ea typeface="+mn-ea"/>
                          <a:cs typeface="+mn-cs"/>
                        </a:rPr>
                        <a:t>Projekti kulude ja finantsvajaduste hindamine</a:t>
                      </a:r>
                    </a:p>
                    <a:p>
                      <a:pPr marL="0" marR="0" indent="0" algn="just"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See teema selgitab, kuidas alustada DKO projekti kulude määratlemist, millised tegurid eelarvega kaasnevad ja kuidas kulusid eelarvestada. Selle teema õpieesmärgiks on luua arusaam eelarve koostamisest ja sellest, milliseid tegureid tuleb arvesse võtta, samuti erinevatest vahenditest ja viisidest, kuidas DKO projekt saaks rahastada.</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481162">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2:</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0"/>
                        </a:spcBef>
                        <a:spcAft>
                          <a:spcPts val="0"/>
                        </a:spcAft>
                        <a:tabLst>
                          <a:tab pos="450215" algn="l"/>
                        </a:tabLst>
                      </a:pPr>
                      <a:r>
                        <a:rPr lang="en-US" sz="1100" b="1" kern="1200" dirty="0">
                          <a:solidFill>
                            <a:srgbClr val="22385A"/>
                          </a:solidFill>
                          <a:latin typeface="+mn-lt"/>
                          <a:ea typeface="+mn-ea"/>
                          <a:cs typeface="+mn-cs"/>
                        </a:rPr>
                        <a:t>Tähelepanu nutikale idufirmale ehk lean start up-le ja innovatsioonile</a:t>
                      </a:r>
                    </a:p>
                    <a:p>
                      <a:pPr algn="just">
                        <a:lnSpc>
                          <a:spcPct val="100000"/>
                        </a:lnSpc>
                        <a:spcBef>
                          <a:spcPts val="0"/>
                        </a:spcBef>
                        <a:spcAft>
                          <a:spcPts val="0"/>
                        </a:spcAft>
                        <a:tabLst>
                          <a:tab pos="450215" algn="l"/>
                        </a:tabLst>
                      </a:pPr>
                      <a:r>
                        <a:rPr lang="en-US" sz="1100" b="0" kern="1200" dirty="0">
                          <a:solidFill>
                            <a:srgbClr val="22385A"/>
                          </a:solidFill>
                          <a:latin typeface="+mn-lt"/>
                          <a:ea typeface="+mn-ea"/>
                          <a:cs typeface="+mn-cs"/>
                        </a:rPr>
                        <a:t>See teema pakub infot DKO projekti rahastamise viiside kohta. Õpiväljunditeks on arusaamine nutikast idufirmast ja kuidas tehnoloogiaettevõtted aitavad oma organisatsioone rahastada.</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3:</a:t>
                      </a:r>
                      <a:endParaRPr lang="en-LB" sz="1100" b="1" kern="1200">
                        <a:solidFill>
                          <a:srgbClr val="22385A"/>
                        </a:solidFill>
                        <a:effectLst/>
                        <a:latin typeface="Calibri" panose="020F0502020204030204" pitchFamily="34" charset="0"/>
                        <a:ea typeface="+mn-ea"/>
                        <a:cs typeface="Calibri" panose="020F0502020204030204" pitchFamily="34" charset="0"/>
                      </a:endParaRPr>
                    </a:p>
                    <a:p>
                      <a:pPr indent="-457200" algn="ctr"/>
                      <a:r>
                        <a:rPr lang="et-EE" sz="1100" b="1" kern="1200">
                          <a:solidFill>
                            <a:srgbClr val="22385A"/>
                          </a:solidFill>
                          <a:effectLst/>
                          <a:latin typeface="Calibri" panose="020F0502020204030204" pitchFamily="34" charset="0"/>
                          <a:ea typeface="+mn-ea"/>
                          <a:cs typeface="Calibri" panose="020F0502020204030204" pitchFamily="34" charset="0"/>
                        </a:rPr>
                        <a:t> </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US" sz="1100" b="1" kern="1200" dirty="0">
                          <a:solidFill>
                            <a:srgbClr val="22385A"/>
                          </a:solidFill>
                          <a:latin typeface="+mn-lt"/>
                          <a:ea typeface="+mn-ea"/>
                          <a:cs typeface="+mn-cs"/>
                        </a:rPr>
                        <a:t>Kodanikuosaluse projektide/eesmärkide ühisrahastamine</a:t>
                      </a:r>
                    </a:p>
                    <a:p>
                      <a:pPr algn="just"/>
                      <a:r>
                        <a:rPr lang="en-US" sz="1100" b="0" kern="1200" dirty="0">
                          <a:solidFill>
                            <a:srgbClr val="22385A"/>
                          </a:solidFill>
                          <a:latin typeface="+mn-lt"/>
                          <a:ea typeface="+mn-ea"/>
                          <a:cs typeface="+mn-cs"/>
                        </a:rPr>
                        <a:t>See teema käsitleb ühisrahastuse kontseptsiooni ja seda, kuidas õppijad saavad kasutada erinevaid rahastamisviise, et aidata luua oma DKO projekte. Õpiväljundiks on, et õppijad tunnevad ära ja mõistavad mõningaid olemasolevaid tööriistu/platvorme, mida nad saavad potentsiaalselt kasutada oma projektide rahastamisel.</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1671931227"/>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4:</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0"/>
                        </a:spcBef>
                        <a:spcAft>
                          <a:spcPts val="0"/>
                        </a:spcAft>
                        <a:tabLst>
                          <a:tab pos="450215" algn="l"/>
                        </a:tabLst>
                      </a:pPr>
                      <a:r>
                        <a:rPr lang="en-US" sz="1100" b="1" dirty="0">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Ettevõtte sotsiaalse vastutuse jõu kasutamine</a:t>
                      </a:r>
                    </a:p>
                    <a:p>
                      <a:pPr algn="just">
                        <a:lnSpc>
                          <a:spcPct val="100000"/>
                        </a:lnSpc>
                        <a:spcBef>
                          <a:spcPts val="0"/>
                        </a:spcBef>
                        <a:spcAft>
                          <a:spcPts val="0"/>
                        </a:spcAft>
                        <a:tabLst>
                          <a:tab pos="450215" algn="l"/>
                        </a:tabLst>
                      </a:pPr>
                      <a:r>
                        <a:rPr lang="en-US" sz="1100" b="0" dirty="0">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See teema toob esile ettevõtete sotsiaalse vastutuse tähtsuse ja selle, kuidas see võib olla oluline tegur aktivismis ja võimalike ühiskonna probleemide lahendamisel, mida nad võiksid aidata lahendada. Selle osa õpiväljundiks on omandada arusaam ettevõtte sotsiaalsest vastutusest ja sellest, kuidas seda DKO projekti arendamiseks kasutada.</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877179963"/>
                  </a:ext>
                </a:extLst>
              </a:tr>
              <a:tr h="374400">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5. mooduli harjutused ja tegevused:</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kern="1200" dirty="0">
                          <a:solidFill>
                            <a:srgbClr val="22385A"/>
                          </a:solidFill>
                          <a:latin typeface="+mn-lt"/>
                          <a:ea typeface="+mn-ea"/>
                          <a:cs typeface="+mn-cs"/>
                        </a:rPr>
                        <a:t>Iga mooduli lõpus on mitu tegevust ja lisamaterjali, mida õppijad saavad täiendava info saamiseks ja õppimise kinnistamiseks teha või millega tutvuda. Pakutavad videod on loodud selleks, et anda õppijatele täiendavat konteksti ise õppimiseks. Esimene harjutuste komplekt on koostatud iseseisvaks tegevuseks. Teine harjutuste komplekt on mõeldud loengute raames toimuvaks rühmategevuseks.</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3118531008"/>
                  </a:ext>
                </a:extLst>
              </a:tr>
            </a:tbl>
          </a:graphicData>
        </a:graphic>
      </p:graphicFrame>
      <p:graphicFrame>
        <p:nvGraphicFramePr>
          <p:cNvPr id="6" name="Table 5">
            <a:extLst>
              <a:ext uri="{FF2B5EF4-FFF2-40B4-BE49-F238E27FC236}">
                <a16:creationId xmlns:a16="http://schemas.microsoft.com/office/drawing/2014/main" id="{22E62DAC-E206-3C4B-9780-400CFD381EE5}"/>
              </a:ext>
            </a:extLst>
          </p:cNvPr>
          <p:cNvGraphicFramePr>
            <a:graphicFrameLocks noGrp="1"/>
          </p:cNvGraphicFramePr>
          <p:nvPr>
            <p:extLst>
              <p:ext uri="{D42A27DB-BD31-4B8C-83A1-F6EECF244321}">
                <p14:modId xmlns:p14="http://schemas.microsoft.com/office/powerpoint/2010/main" val="3331779994"/>
              </p:ext>
            </p:extLst>
          </p:nvPr>
        </p:nvGraphicFramePr>
        <p:xfrm>
          <a:off x="505080" y="7268336"/>
          <a:ext cx="6570133" cy="2739517"/>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Moodul 6</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et-EE" sz="1488" b="1" kern="1200">
                          <a:solidFill>
                            <a:schemeClr val="lt1"/>
                          </a:solidFill>
                          <a:effectLst/>
                          <a:latin typeface="+mn-lt"/>
                          <a:ea typeface="+mn-ea"/>
                          <a:cs typeface="+mn-cs"/>
                        </a:rPr>
                        <a:t>Kodanikuosaluse projekti, eesmärgi ja koostöö turundamine</a:t>
                      </a:r>
                      <a:r>
                        <a:rPr lang="en-LB">
                          <a:effectLst/>
                        </a:rPr>
                        <a:t> </a:t>
                      </a:r>
                      <a:endParaRPr lang="en-US" sz="1488" b="1" kern="1200" dirty="0">
                        <a:solidFill>
                          <a:schemeClr val="lt1"/>
                        </a:solidFill>
                        <a:effectLst/>
                        <a:latin typeface="+mn-lt"/>
                        <a:ea typeface="+mn-ea"/>
                        <a:cs typeface="+mn-cs"/>
                      </a:endParaRP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485289">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Tutvustus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b="1" dirty="0">
                          <a:solidFill>
                            <a:srgbClr val="22385A"/>
                          </a:solidFill>
                        </a:rPr>
                        <a:t>Kodanikuosaluse projekti, eesmärgi ja koostöö turundamine</a:t>
                      </a:r>
                    </a:p>
                    <a:p>
                      <a:pPr algn="just"/>
                      <a:r>
                        <a:rPr lang="en-GB" sz="1100" b="0" dirty="0">
                          <a:solidFill>
                            <a:srgbClr val="22385A"/>
                          </a:solidFill>
                        </a:rPr>
                        <a:t>See moodul hõlmab DKO projekti turundamise kontseptsioone. Selle mooduli sisu aitab õppijatel mõista usalduse tähtsust nii meeskonnaliikmete kui ka projekti toetajate jaoks, lugude jutustamise tähtsust ettevõtetes ning seda, kuidas kujundada missiooni ja visiooni. Selles osas tutvustatakse ka erinevaid rakendusi ja töövahendeid, mis toetavad oma projekti sõnumi levitamist.</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374400">
                <a:tc>
                  <a:txBody>
                    <a:bodyPr/>
                    <a:lstStyle/>
                    <a:p>
                      <a:pPr algn="ctr">
                        <a:lnSpc>
                          <a:spcPct val="115000"/>
                        </a:lnSpc>
                        <a:spcBef>
                          <a:spcPts val="195"/>
                        </a:spcBef>
                        <a:tabLst>
                          <a:tab pos="450215" algn="l"/>
                        </a:tabLst>
                      </a:pPr>
                      <a:r>
                        <a:rPr lang="et-EE" sz="1100" b="1" kern="1200">
                          <a:solidFill>
                            <a:srgbClr val="22385A"/>
                          </a:solidFill>
                          <a:effectLst/>
                          <a:latin typeface="Calibri" panose="020F0502020204030204" pitchFamily="34" charset="0"/>
                          <a:ea typeface="+mn-ea"/>
                          <a:cs typeface="Calibri" panose="020F0502020204030204" pitchFamily="34" charset="0"/>
                        </a:rPr>
                        <a:t>Teema 1:</a:t>
                      </a:r>
                      <a:endParaRPr lang="en-LB" sz="1100" b="1" kern="1200">
                        <a:solidFill>
                          <a:srgbClr val="22385A"/>
                        </a:solidFill>
                        <a:effectLst/>
                        <a:latin typeface="Calibri" panose="020F0502020204030204" pitchFamily="34" charset="0"/>
                        <a:ea typeface="+mn-ea"/>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marL="0" marR="0" indent="0" algn="just"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latin typeface="+mn-lt"/>
                          <a:ea typeface="+mn-ea"/>
                          <a:cs typeface="+mn-cs"/>
                        </a:rPr>
                        <a:t>Miks on usaldusväärsuse, usalduse ja suhete loomine võtmetähtsusega?</a:t>
                      </a:r>
                    </a:p>
                    <a:p>
                      <a:pPr marL="0" marR="0" indent="0" algn="just"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See teema käsitleb, kuidas tudengite DKO meeskonda kujundada ja selles töötada. Kolmandas moodulis sisalduvale teabele tuginedes peaksid selle teema õpiväljundid olema sellised, et õppijad teaksid, kuidas luua inimeste rühm DKO projekti loomiseks, ning oskaksid analüüsida, millised oskused meeskonnakaaslastel on ja kuidas neid rakendada, et töörühm oleks edukas.</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bl>
          </a:graphicData>
        </a:graphic>
      </p:graphicFrame>
      <p:cxnSp>
        <p:nvCxnSpPr>
          <p:cNvPr id="3" name="Straight Connector 2">
            <a:extLst>
              <a:ext uri="{FF2B5EF4-FFF2-40B4-BE49-F238E27FC236}">
                <a16:creationId xmlns:a16="http://schemas.microsoft.com/office/drawing/2014/main" id="{D3F883BA-2F60-E59E-12F3-00DF03E85B4D}"/>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D224AC1E-FCA0-D9A0-0A8E-F2024FBE723C}"/>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2062331678"/>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4">
            <a:extLst>
              <a:ext uri="{FF2B5EF4-FFF2-40B4-BE49-F238E27FC236}">
                <a16:creationId xmlns:a16="http://schemas.microsoft.com/office/drawing/2014/main" id="{515B38CA-78F0-3246-93A8-12DB10B9666E}"/>
              </a:ext>
            </a:extLst>
          </p:cNvPr>
          <p:cNvGraphicFramePr>
            <a:graphicFrameLocks noGrp="1"/>
          </p:cNvGraphicFramePr>
          <p:nvPr>
            <p:extLst>
              <p:ext uri="{D42A27DB-BD31-4B8C-83A1-F6EECF244321}">
                <p14:modId xmlns:p14="http://schemas.microsoft.com/office/powerpoint/2010/main" val="3280040447"/>
              </p:ext>
            </p:extLst>
          </p:nvPr>
        </p:nvGraphicFramePr>
        <p:xfrm>
          <a:off x="503238" y="557213"/>
          <a:ext cx="6570133" cy="4744720"/>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481162">
                <a:tc>
                  <a:txBody>
                    <a:bodyPr/>
                    <a:lstStyle/>
                    <a:p>
                      <a:pPr algn="ctr">
                        <a:lnSpc>
                          <a:spcPct val="115000"/>
                        </a:lnSpc>
                        <a:spcBef>
                          <a:spcPts val="195"/>
                        </a:spcBef>
                        <a:tabLst>
                          <a:tab pos="450215" algn="l"/>
                        </a:tabLst>
                      </a:pPr>
                      <a:r>
                        <a:rPr lang="et-EE" sz="1100" b="1" kern="1200">
                          <a:solidFill>
                            <a:srgbClr val="23395D"/>
                          </a:solidFill>
                          <a:effectLst/>
                          <a:latin typeface="Calibri" panose="020F0502020204030204" pitchFamily="34" charset="0"/>
                          <a:ea typeface="+mn-ea"/>
                          <a:cs typeface="Times New Roman" panose="02020603050405020304" pitchFamily="18" charset="0"/>
                        </a:rPr>
                        <a:t>Teema 2:</a:t>
                      </a:r>
                      <a:endParaRPr lang="en-LB" sz="1100" b="1" kern="1200">
                        <a:solidFill>
                          <a:srgbClr val="23395D"/>
                        </a:solidFill>
                        <a:effectLst/>
                        <a:latin typeface="Calibri" panose="020F0502020204030204" pitchFamily="34" charset="0"/>
                        <a:ea typeface="+mn-ea"/>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195"/>
                        </a:spcBef>
                        <a:spcAft>
                          <a:spcPts val="0"/>
                        </a:spcAft>
                        <a:tabLst>
                          <a:tab pos="450215" algn="l"/>
                        </a:tabLst>
                      </a:pPr>
                      <a:r>
                        <a:rPr lang="et-EE" sz="1100" b="1"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Üliõpilaste kui aktiivsete kodanike kogukonna arendamine ja kasvatamine</a:t>
                      </a:r>
                      <a:endParaRPr lang="en-LB" sz="1100" b="1"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p>
                      <a:pPr algn="just">
                        <a:lnSpc>
                          <a:spcPct val="100000"/>
                        </a:lnSpc>
                      </a:pPr>
                      <a:r>
                        <a:rPr lang="et-EE" sz="1100" b="0"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See teema selgitab, kuidas aidata suurendada kodanikuaktiivsust oma ülikoolis. Selle teema õpiväljundiks on, et õppijad mõistaksid, kui oluline on jutuvestmine turunduses ning kuidas see võib tekitada suust-suhu levivat reklaami ja tuge.</a:t>
                      </a:r>
                      <a:endParaRPr lang="en-LB" sz="1100" b="0"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r h="374400">
                <a:tc>
                  <a:txBody>
                    <a:bodyPr/>
                    <a:lstStyle/>
                    <a:p>
                      <a:pPr algn="ctr">
                        <a:lnSpc>
                          <a:spcPct val="115000"/>
                        </a:lnSpc>
                        <a:spcBef>
                          <a:spcPts val="195"/>
                        </a:spcBef>
                        <a:tabLst>
                          <a:tab pos="450215" algn="l"/>
                        </a:tabLst>
                      </a:pPr>
                      <a:r>
                        <a:rPr lang="et-EE" sz="1100" b="1" kern="1200">
                          <a:solidFill>
                            <a:srgbClr val="23395D"/>
                          </a:solidFill>
                          <a:effectLst/>
                          <a:latin typeface="Calibri" panose="020F0502020204030204" pitchFamily="34" charset="0"/>
                          <a:ea typeface="+mn-ea"/>
                          <a:cs typeface="Times New Roman" panose="02020603050405020304" pitchFamily="18" charset="0"/>
                        </a:rPr>
                        <a:t>Teema 3:</a:t>
                      </a:r>
                      <a:endParaRPr lang="en-LB" sz="1100" b="1" kern="1200">
                        <a:solidFill>
                          <a:srgbClr val="23395D"/>
                        </a:solidFill>
                        <a:effectLst/>
                        <a:latin typeface="Calibri" panose="020F0502020204030204" pitchFamily="34" charset="0"/>
                        <a:ea typeface="+mn-ea"/>
                        <a:cs typeface="Times New Roman" panose="02020603050405020304" pitchFamily="18" charset="0"/>
                      </a:endParaRPr>
                    </a:p>
                    <a:p>
                      <a:pPr indent="-457200" algn="ctr"/>
                      <a:r>
                        <a:rPr lang="et-EE" sz="1100" b="1" kern="1200">
                          <a:solidFill>
                            <a:srgbClr val="23395D"/>
                          </a:solidFill>
                          <a:effectLst/>
                          <a:latin typeface="Calibri" panose="020F0502020204030204" pitchFamily="34" charset="0"/>
                          <a:ea typeface="+mn-ea"/>
                          <a:cs typeface="Times New Roman" panose="02020603050405020304" pitchFamily="18" charset="0"/>
                        </a:rPr>
                        <a:t> </a:t>
                      </a:r>
                      <a:endParaRPr lang="en-LB" sz="1100" b="1" kern="1200">
                        <a:solidFill>
                          <a:srgbClr val="23395D"/>
                        </a:solidFill>
                        <a:effectLst/>
                        <a:latin typeface="Calibri" panose="020F0502020204030204" pitchFamily="34" charset="0"/>
                        <a:ea typeface="+mn-ea"/>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195"/>
                        </a:spcBef>
                        <a:spcAft>
                          <a:spcPts val="0"/>
                        </a:spcAft>
                        <a:tabLst>
                          <a:tab pos="450215" algn="l"/>
                        </a:tabLst>
                      </a:pPr>
                      <a:r>
                        <a:rPr lang="et-EE" sz="1100" b="1"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Tähelepanu missiooniturundusele</a:t>
                      </a:r>
                      <a:endParaRPr lang="en-LB" sz="1100" b="1"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p>
                      <a:pPr algn="just">
                        <a:lnSpc>
                          <a:spcPct val="100000"/>
                        </a:lnSpc>
                        <a:spcBef>
                          <a:spcPts val="195"/>
                        </a:spcBef>
                        <a:spcAft>
                          <a:spcPts val="0"/>
                        </a:spcAft>
                        <a:tabLst>
                          <a:tab pos="450215" algn="l"/>
                        </a:tabLst>
                      </a:pPr>
                      <a:r>
                        <a:rPr lang="et-EE" sz="1100" b="0"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See teema käsitleb missiooniturunduse kontseptsiooni ja seda, kuidas see võib aidata suurendada õppijate DKO projekti edukust. Selle teema läbinud õppijad peaksid mõistma missiooni turunduse kontseptsiooni, teadma, kuidas välja töötada missiooni ja visiooni ning neist saadavat kasu.</a:t>
                      </a:r>
                      <a:endParaRPr lang="en-LB" sz="1100" b="0"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1671931227"/>
                  </a:ext>
                </a:extLst>
              </a:tr>
              <a:tr h="374400">
                <a:tc>
                  <a:txBody>
                    <a:bodyPr/>
                    <a:lstStyle/>
                    <a:p>
                      <a:pPr algn="ctr">
                        <a:lnSpc>
                          <a:spcPct val="115000"/>
                        </a:lnSpc>
                        <a:spcBef>
                          <a:spcPts val="195"/>
                        </a:spcBef>
                        <a:tabLst>
                          <a:tab pos="450215" algn="l"/>
                        </a:tabLst>
                      </a:pPr>
                      <a:r>
                        <a:rPr lang="et-EE" sz="1100" b="1" kern="1200">
                          <a:solidFill>
                            <a:srgbClr val="23395D"/>
                          </a:solidFill>
                          <a:effectLst/>
                          <a:latin typeface="Calibri" panose="020F0502020204030204" pitchFamily="34" charset="0"/>
                          <a:ea typeface="+mn-ea"/>
                          <a:cs typeface="Times New Roman" panose="02020603050405020304" pitchFamily="18" charset="0"/>
                        </a:rPr>
                        <a:t>Teema 4:</a:t>
                      </a:r>
                      <a:endParaRPr lang="en-LB" sz="1100" b="1" kern="1200">
                        <a:solidFill>
                          <a:srgbClr val="23395D"/>
                        </a:solidFill>
                        <a:effectLst/>
                        <a:latin typeface="Calibri" panose="020F0502020204030204" pitchFamily="34" charset="0"/>
                        <a:ea typeface="+mn-ea"/>
                        <a:cs typeface="Times New Roman" panose="02020603050405020304" pitchFamily="18"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195"/>
                        </a:spcBef>
                        <a:spcAft>
                          <a:spcPts val="0"/>
                        </a:spcAft>
                        <a:tabLst>
                          <a:tab pos="450215" algn="l"/>
                        </a:tabLst>
                      </a:pPr>
                      <a:r>
                        <a:rPr lang="et-EE" sz="1100" b="1"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Tehnoloogiad ja töövahendid, mis aitavad kodanikuosaluse tegevusi jagada ja levitada</a:t>
                      </a:r>
                      <a:endParaRPr lang="en-LB" sz="1100" b="1"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p>
                      <a:pPr algn="just">
                        <a:lnSpc>
                          <a:spcPct val="100000"/>
                        </a:lnSpc>
                        <a:spcBef>
                          <a:spcPts val="195"/>
                        </a:spcBef>
                        <a:spcAft>
                          <a:spcPts val="0"/>
                        </a:spcAft>
                        <a:tabLst>
                          <a:tab pos="450215" algn="l"/>
                        </a:tabLst>
                      </a:pPr>
                      <a:r>
                        <a:rPr lang="et-EE" sz="1100" b="0"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Selles osas tuuakse välja erinevad digivahendid ja -platvormid, mida õppijad saavad kasutada oma projekti info levitamiseks. Õppijad peaksid oskama valida töövahendeid ja teadma, kuidas nad saavad neid projekti kasuks erineval viisil kasutada, alates veebisaidi loomisest kuni sotsiaalmeedia kasutamiseni tasuta turundustööriistana.</a:t>
                      </a:r>
                      <a:endParaRPr lang="en-LB" sz="1100" b="0"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877179963"/>
                  </a:ext>
                </a:extLst>
              </a:tr>
              <a:tr h="374400">
                <a:tc>
                  <a:txBody>
                    <a:bodyPr/>
                    <a:lstStyle/>
                    <a:p>
                      <a:pPr algn="ctr"/>
                      <a:r>
                        <a:rPr lang="en-GB" sz="1100" b="1" kern="1200" dirty="0">
                          <a:solidFill>
                            <a:srgbClr val="23395D"/>
                          </a:solidFill>
                          <a:effectLst/>
                          <a:latin typeface="Calibri" panose="020F0502020204030204" pitchFamily="34" charset="0"/>
                          <a:ea typeface="+mn-ea"/>
                          <a:cs typeface="Times New Roman" panose="02020603050405020304" pitchFamily="18" charset="0"/>
                        </a:rPr>
                        <a:t>6. mooduli harjutused ja tegevused:</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195"/>
                        </a:spcBef>
                        <a:tabLst>
                          <a:tab pos="450215" algn="l"/>
                        </a:tabLst>
                      </a:pPr>
                      <a:r>
                        <a:rPr lang="et-EE" sz="1100" b="0"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6. mooduli esimene harjutuste komplekt on reflektsioon. Õppijatel palutakse mõelda, kuidas kirjutada oma projekti visioon ja missioon ning mida see nende jaoks tähendab. Teised küsimused käsitlevad seda, kuidas õppijad saaksid luua usaldust ja kasutada missiooni projekti edukaks muutmiseks.</a:t>
                      </a:r>
                      <a:endParaRPr lang="en-LB" sz="1100" b="0"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p>
                      <a:pPr algn="just">
                        <a:lnSpc>
                          <a:spcPct val="100000"/>
                        </a:lnSpc>
                      </a:pPr>
                      <a:r>
                        <a:rPr lang="et-EE" sz="1100" b="0"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Selle mooduli rühmatöö käsitleb sarnaseid kontseptsioone selle kohta, kuidas õppijad saavad oma digitaalse kodaniku kaasamise projekte turundada. Õppijatel palutakse moodustada rühmad, kus nad saavad arutleda ja vastata esitatud küsimustele. Rühmadelt küsitakse, kuidas nad saaksid digitehnoloogiaid oma projekti edendamiseks kasutada ja millised sotsiaalmeedia platvormid oleksid parimad. Lõpuks oodatakse õppijatelt, et nad kasutaksid ka digivahendit sotsiaalmeedia postituse või potentsiaalse veebisaidi loomiseks.</a:t>
                      </a:r>
                      <a:endParaRPr lang="en-LB" sz="1100" b="0" kern="1200">
                        <a:solidFill>
                          <a:srgbClr val="23395D"/>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3118531008"/>
                  </a:ext>
                </a:extLst>
              </a:tr>
            </a:tbl>
          </a:graphicData>
        </a:graphic>
      </p:graphicFrame>
      <p:sp>
        <p:nvSpPr>
          <p:cNvPr id="6" name="Text Placeholder 2">
            <a:extLst>
              <a:ext uri="{FF2B5EF4-FFF2-40B4-BE49-F238E27FC236}">
                <a16:creationId xmlns:a16="http://schemas.microsoft.com/office/drawing/2014/main" id="{F68DC922-888E-5349-97A1-2D88EEE3300E}"/>
              </a:ext>
            </a:extLst>
          </p:cNvPr>
          <p:cNvSpPr>
            <a:spLocks noGrp="1"/>
          </p:cNvSpPr>
          <p:nvPr>
            <p:ph type="body" sz="quarter" idx="14"/>
          </p:nvPr>
        </p:nvSpPr>
        <p:spPr>
          <a:xfrm>
            <a:off x="539389" y="5735953"/>
            <a:ext cx="6533982" cy="635759"/>
          </a:xfrm>
        </p:spPr>
        <p:txBody>
          <a:bodyPr/>
          <a:lstStyle/>
          <a:p>
            <a:r>
              <a:rPr lang="en-GB" dirty="0"/>
              <a:t>4.D. </a:t>
            </a:r>
            <a:r>
              <a:rPr lang="et-EE"/>
              <a:t>ÕPIVÄLJUNDID JA PÄDEVUSED</a:t>
            </a:r>
            <a:r>
              <a:rPr lang="en-LB">
                <a:effectLst/>
              </a:rPr>
              <a:t> </a:t>
            </a:r>
            <a:endParaRPr lang="en-GB" dirty="0"/>
          </a:p>
        </p:txBody>
      </p:sp>
      <p:sp>
        <p:nvSpPr>
          <p:cNvPr id="7" name="Text Placeholder 3">
            <a:extLst>
              <a:ext uri="{FF2B5EF4-FFF2-40B4-BE49-F238E27FC236}">
                <a16:creationId xmlns:a16="http://schemas.microsoft.com/office/drawing/2014/main" id="{8F930126-68B1-A946-98D7-7DD63DD93F39}"/>
              </a:ext>
            </a:extLst>
          </p:cNvPr>
          <p:cNvSpPr>
            <a:spLocks noGrp="1"/>
          </p:cNvSpPr>
          <p:nvPr>
            <p:ph type="body" sz="quarter" idx="33"/>
          </p:nvPr>
        </p:nvSpPr>
        <p:spPr>
          <a:xfrm>
            <a:off x="522456" y="6616487"/>
            <a:ext cx="6533982" cy="2179468"/>
          </a:xfrm>
        </p:spPr>
        <p:txBody>
          <a:bodyPr/>
          <a:lstStyle/>
          <a:p>
            <a:r>
              <a:rPr lang="et-EE" b="1"/>
              <a:t>Õpiväljundid:</a:t>
            </a:r>
            <a:endParaRPr lang="en-LB"/>
          </a:p>
          <a:p>
            <a:r>
              <a:rPr lang="et-EE"/>
              <a:t>“Students as Digital Civic Engagers” projekti üldeesmärk on anda osalejatele teadmisi, arusaamist ja oskusi selle kohta, kuidas kodanikuosaluse projektides rohkem kaasa lüüa ja kuidas õppijad saavad luua oma digitaalse kodanikuosaluse projekti.</a:t>
            </a:r>
            <a:endParaRPr lang="en-LB"/>
          </a:p>
          <a:p>
            <a:r>
              <a:rPr lang="en-US" dirty="0"/>
              <a:t> </a:t>
            </a:r>
            <a:endParaRPr lang="en-RU" dirty="0"/>
          </a:p>
          <a:p>
            <a:r>
              <a:rPr lang="et-EE"/>
              <a:t>Avatud õppematerjalide eduka läbimise järel oskavad õppijad:</a:t>
            </a:r>
            <a:endParaRPr lang="en-LB"/>
          </a:p>
          <a:p>
            <a:endParaRPr lang="en-RU" dirty="0"/>
          </a:p>
        </p:txBody>
      </p:sp>
      <p:sp>
        <p:nvSpPr>
          <p:cNvPr id="8" name="Freeform 7">
            <a:extLst>
              <a:ext uri="{FF2B5EF4-FFF2-40B4-BE49-F238E27FC236}">
                <a16:creationId xmlns:a16="http://schemas.microsoft.com/office/drawing/2014/main" id="{B06BA267-3E7E-C141-8291-464F38B68457}"/>
              </a:ext>
            </a:extLst>
          </p:cNvPr>
          <p:cNvSpPr/>
          <p:nvPr/>
        </p:nvSpPr>
        <p:spPr>
          <a:xfrm>
            <a:off x="288257" y="5891429"/>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9" name="Freeform 8">
            <a:extLst>
              <a:ext uri="{FF2B5EF4-FFF2-40B4-BE49-F238E27FC236}">
                <a16:creationId xmlns:a16="http://schemas.microsoft.com/office/drawing/2014/main" id="{F5FF7503-D886-CD46-B07C-79E3ED7F0806}"/>
              </a:ext>
            </a:extLst>
          </p:cNvPr>
          <p:cNvSpPr/>
          <p:nvPr/>
        </p:nvSpPr>
        <p:spPr>
          <a:xfrm>
            <a:off x="381979" y="6627410"/>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pic>
        <p:nvPicPr>
          <p:cNvPr id="10" name="Picture 9">
            <a:extLst>
              <a:ext uri="{FF2B5EF4-FFF2-40B4-BE49-F238E27FC236}">
                <a16:creationId xmlns:a16="http://schemas.microsoft.com/office/drawing/2014/main" id="{46510C3A-A3FA-0F42-A081-63FE611EDE6F}"/>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28016" y="8106071"/>
            <a:ext cx="952500" cy="495300"/>
          </a:xfrm>
          <a:prstGeom prst="rect">
            <a:avLst/>
          </a:prstGeom>
        </p:spPr>
      </p:pic>
      <p:sp>
        <p:nvSpPr>
          <p:cNvPr id="11" name="Text Placeholder 25">
            <a:extLst>
              <a:ext uri="{FF2B5EF4-FFF2-40B4-BE49-F238E27FC236}">
                <a16:creationId xmlns:a16="http://schemas.microsoft.com/office/drawing/2014/main" id="{C6B5EF24-D115-0A4F-B8C1-4D6790699E11}"/>
              </a:ext>
            </a:extLst>
          </p:cNvPr>
          <p:cNvSpPr txBox="1">
            <a:spLocks/>
          </p:cNvSpPr>
          <p:nvPr/>
        </p:nvSpPr>
        <p:spPr>
          <a:xfrm>
            <a:off x="379179" y="8106071"/>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1</a:t>
            </a:r>
          </a:p>
        </p:txBody>
      </p:sp>
      <p:sp>
        <p:nvSpPr>
          <p:cNvPr id="12" name="Text Placeholder 3">
            <a:extLst>
              <a:ext uri="{FF2B5EF4-FFF2-40B4-BE49-F238E27FC236}">
                <a16:creationId xmlns:a16="http://schemas.microsoft.com/office/drawing/2014/main" id="{A8DA1BF3-0C58-554B-86EC-A7765E97FBC6}"/>
              </a:ext>
            </a:extLst>
          </p:cNvPr>
          <p:cNvSpPr txBox="1">
            <a:spLocks/>
          </p:cNvSpPr>
          <p:nvPr/>
        </p:nvSpPr>
        <p:spPr>
          <a:xfrm>
            <a:off x="1267948" y="8194722"/>
            <a:ext cx="5769271" cy="1034125"/>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et-EE"/>
              <a:t>Teha kindlaks, mida kujutab endast kodanikuosaluse projekt, kuidas ühiskondlikus tegevuses rohkem kaasa lüüa ja kuidas õppijad ise saavad kodanikuosaluse projekti juhtida.</a:t>
            </a:r>
            <a:endParaRPr lang="en-LB"/>
          </a:p>
          <a:p>
            <a:endParaRPr lang="en-US" dirty="0"/>
          </a:p>
          <a:p>
            <a:pPr lvl="0"/>
            <a:r>
              <a:rPr lang="et-EE"/>
              <a:t>Märgata ühiskondlike probleeme, mis neid oma kogukonnas mõjutavad, ning suutma leida ja algatada lahendusi kogukondade abistamiseks.</a:t>
            </a:r>
            <a:endParaRPr lang="en-LB"/>
          </a:p>
        </p:txBody>
      </p:sp>
      <p:pic>
        <p:nvPicPr>
          <p:cNvPr id="13" name="Picture 12">
            <a:extLst>
              <a:ext uri="{FF2B5EF4-FFF2-40B4-BE49-F238E27FC236}">
                <a16:creationId xmlns:a16="http://schemas.microsoft.com/office/drawing/2014/main" id="{BA7EA700-B9CE-C74E-9B92-8FC25A8FB1E7}"/>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321732" y="8733547"/>
            <a:ext cx="952500" cy="495300"/>
          </a:xfrm>
          <a:prstGeom prst="rect">
            <a:avLst/>
          </a:prstGeom>
        </p:spPr>
      </p:pic>
      <p:sp>
        <p:nvSpPr>
          <p:cNvPr id="14" name="Text Placeholder 25">
            <a:extLst>
              <a:ext uri="{FF2B5EF4-FFF2-40B4-BE49-F238E27FC236}">
                <a16:creationId xmlns:a16="http://schemas.microsoft.com/office/drawing/2014/main" id="{ED7B73B2-C324-5540-A6B9-E9DE1AA70A7A}"/>
              </a:ext>
            </a:extLst>
          </p:cNvPr>
          <p:cNvSpPr txBox="1">
            <a:spLocks/>
          </p:cNvSpPr>
          <p:nvPr/>
        </p:nvSpPr>
        <p:spPr>
          <a:xfrm>
            <a:off x="379179" y="8733547"/>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2</a:t>
            </a:r>
          </a:p>
        </p:txBody>
      </p:sp>
      <p:cxnSp>
        <p:nvCxnSpPr>
          <p:cNvPr id="3" name="Straight Connector 2">
            <a:extLst>
              <a:ext uri="{FF2B5EF4-FFF2-40B4-BE49-F238E27FC236}">
                <a16:creationId xmlns:a16="http://schemas.microsoft.com/office/drawing/2014/main" id="{D19B2974-B8F5-E14E-2C64-C439A5936C07}"/>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FFE6F97F-8C43-07B0-DBBE-D10A6D608AD1}"/>
              </a:ext>
            </a:extLst>
          </p:cNvPr>
          <p:cNvSpPr>
            <a:spLocks noGrp="1"/>
          </p:cNvSpPr>
          <p:nvPr>
            <p:ph type="body" sz="quarter" idx="32" hasCustomPrompt="1"/>
          </p:nvPr>
        </p:nvSpPr>
        <p:spPr>
          <a:xfrm>
            <a:off x="1773598" y="10175681"/>
            <a:ext cx="4718277"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r>
              <a:rPr lang="et-EE" b="1"/>
              <a:t>Pedagoogiline juhend digitaalse kodanikuosaluse õpetamiseks (IO3)</a:t>
            </a:r>
            <a:endParaRPr lang="en-LB"/>
          </a:p>
        </p:txBody>
      </p:sp>
    </p:spTree>
    <p:extLst>
      <p:ext uri="{BB962C8B-B14F-4D97-AF65-F5344CB8AC3E}">
        <p14:creationId xmlns:p14="http://schemas.microsoft.com/office/powerpoint/2010/main" val="3438890106"/>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8AFEE52A-B50F-3549-9E6D-1D2F67F6B8B9}"/>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81999" y="1881090"/>
            <a:ext cx="952500" cy="495300"/>
          </a:xfrm>
          <a:prstGeom prst="rect">
            <a:avLst/>
          </a:prstGeom>
        </p:spPr>
      </p:pic>
      <p:sp>
        <p:nvSpPr>
          <p:cNvPr id="6" name="Text Placeholder 25">
            <a:extLst>
              <a:ext uri="{FF2B5EF4-FFF2-40B4-BE49-F238E27FC236}">
                <a16:creationId xmlns:a16="http://schemas.microsoft.com/office/drawing/2014/main" id="{E7F7BB73-2D01-D94C-940A-BA85057C6EA3}"/>
              </a:ext>
            </a:extLst>
          </p:cNvPr>
          <p:cNvSpPr txBox="1">
            <a:spLocks/>
          </p:cNvSpPr>
          <p:nvPr/>
        </p:nvSpPr>
        <p:spPr>
          <a:xfrm>
            <a:off x="368669" y="1892137"/>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5</a:t>
            </a:r>
          </a:p>
        </p:txBody>
      </p:sp>
      <p:sp>
        <p:nvSpPr>
          <p:cNvPr id="7" name="Text Placeholder 3">
            <a:extLst>
              <a:ext uri="{FF2B5EF4-FFF2-40B4-BE49-F238E27FC236}">
                <a16:creationId xmlns:a16="http://schemas.microsoft.com/office/drawing/2014/main" id="{4C9972FF-1B55-174B-9138-ADE5BAD1AD06}"/>
              </a:ext>
            </a:extLst>
          </p:cNvPr>
          <p:cNvSpPr txBox="1">
            <a:spLocks/>
          </p:cNvSpPr>
          <p:nvPr/>
        </p:nvSpPr>
        <p:spPr>
          <a:xfrm>
            <a:off x="1267948" y="1938748"/>
            <a:ext cx="5769271" cy="201504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et-EE"/>
              <a:t>Luua algusest lõpuni DKO projekt, kus on konkreetne arusaam meeskonna loomisest ja komplekteerimisest, DKO projekti juhtimisest, rahastamisest ja turundamisest.</a:t>
            </a:r>
            <a:endParaRPr lang="en-LB"/>
          </a:p>
          <a:p>
            <a:pPr lvl="0"/>
            <a:endParaRPr lang="en-RU" dirty="0"/>
          </a:p>
          <a:p>
            <a:pPr lvl="0">
              <a:lnSpc>
                <a:spcPct val="250000"/>
              </a:lnSpc>
            </a:pPr>
            <a:r>
              <a:rPr lang="et-EE"/>
              <a:t>Hinnata digitaalse kodanikuosaluse projekti kvaliteeti ja mõju.</a:t>
            </a:r>
            <a:endParaRPr lang="en-LB"/>
          </a:p>
          <a:p>
            <a:endParaRPr lang="en-US" dirty="0"/>
          </a:p>
          <a:p>
            <a:pPr lvl="0"/>
            <a:r>
              <a:rPr lang="et-EE"/>
              <a:t>Paremini rakendada teadmisi meeskonna loomisest, määrata meeskonnakaaslastele parimaid rolle vastavalt nende kogemustele ja oskustele.</a:t>
            </a:r>
            <a:endParaRPr lang="en-LB"/>
          </a:p>
          <a:p>
            <a:endParaRPr lang="en-RU" dirty="0"/>
          </a:p>
        </p:txBody>
      </p:sp>
      <p:pic>
        <p:nvPicPr>
          <p:cNvPr id="9" name="Picture 8">
            <a:extLst>
              <a:ext uri="{FF2B5EF4-FFF2-40B4-BE49-F238E27FC236}">
                <a16:creationId xmlns:a16="http://schemas.microsoft.com/office/drawing/2014/main" id="{26EB7D80-E621-DE43-AD05-5E0B1DAAC3B1}"/>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381999" y="2590067"/>
            <a:ext cx="952500" cy="495300"/>
          </a:xfrm>
          <a:prstGeom prst="rect">
            <a:avLst/>
          </a:prstGeom>
        </p:spPr>
      </p:pic>
      <p:sp>
        <p:nvSpPr>
          <p:cNvPr id="10" name="Text Placeholder 25">
            <a:extLst>
              <a:ext uri="{FF2B5EF4-FFF2-40B4-BE49-F238E27FC236}">
                <a16:creationId xmlns:a16="http://schemas.microsoft.com/office/drawing/2014/main" id="{142B6398-DF5F-B34E-85C5-CAE30E8F13F1}"/>
              </a:ext>
            </a:extLst>
          </p:cNvPr>
          <p:cNvSpPr txBox="1">
            <a:spLocks/>
          </p:cNvSpPr>
          <p:nvPr/>
        </p:nvSpPr>
        <p:spPr>
          <a:xfrm>
            <a:off x="346086" y="2631832"/>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6</a:t>
            </a:r>
          </a:p>
        </p:txBody>
      </p:sp>
      <p:pic>
        <p:nvPicPr>
          <p:cNvPr id="11" name="Picture 10">
            <a:extLst>
              <a:ext uri="{FF2B5EF4-FFF2-40B4-BE49-F238E27FC236}">
                <a16:creationId xmlns:a16="http://schemas.microsoft.com/office/drawing/2014/main" id="{94D3E0F2-6B99-AB4B-AF77-FB38865BCDEC}"/>
              </a:ext>
            </a:extLst>
          </p:cNvPr>
          <p:cNvPicPr>
            <a:picLocks noChangeAspect="1"/>
          </p:cNvPicPr>
          <p:nvPr/>
        </p:nvPicPr>
        <p:blipFill>
          <a:blip r:embed="rId4"/>
          <a:stretch>
            <a:fillRect/>
          </a:stretch>
        </p:blipFill>
        <p:spPr>
          <a:xfrm>
            <a:off x="286749" y="3299043"/>
            <a:ext cx="1047750" cy="544830"/>
          </a:xfrm>
          <a:prstGeom prst="rect">
            <a:avLst/>
          </a:prstGeom>
        </p:spPr>
      </p:pic>
      <p:sp>
        <p:nvSpPr>
          <p:cNvPr id="12" name="Text Placeholder 25">
            <a:extLst>
              <a:ext uri="{FF2B5EF4-FFF2-40B4-BE49-F238E27FC236}">
                <a16:creationId xmlns:a16="http://schemas.microsoft.com/office/drawing/2014/main" id="{C30B82FC-3A59-8847-9B04-6BCA25E7D412}"/>
              </a:ext>
            </a:extLst>
          </p:cNvPr>
          <p:cNvSpPr txBox="1">
            <a:spLocks/>
          </p:cNvSpPr>
          <p:nvPr/>
        </p:nvSpPr>
        <p:spPr>
          <a:xfrm>
            <a:off x="306250" y="3353622"/>
            <a:ext cx="63107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7</a:t>
            </a:r>
          </a:p>
        </p:txBody>
      </p:sp>
      <p:sp>
        <p:nvSpPr>
          <p:cNvPr id="13" name="Text Placeholder 3">
            <a:extLst>
              <a:ext uri="{FF2B5EF4-FFF2-40B4-BE49-F238E27FC236}">
                <a16:creationId xmlns:a16="http://schemas.microsoft.com/office/drawing/2014/main" id="{E20BE3FE-D450-4B45-AD12-A363C254F60D}"/>
              </a:ext>
            </a:extLst>
          </p:cNvPr>
          <p:cNvSpPr txBox="1">
            <a:spLocks/>
          </p:cNvSpPr>
          <p:nvPr/>
        </p:nvSpPr>
        <p:spPr>
          <a:xfrm>
            <a:off x="522456" y="4267498"/>
            <a:ext cx="6533982" cy="2343091"/>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Õppimise võtmepädevused</a:t>
            </a:r>
            <a:r>
              <a:rPr lang="en-LB">
                <a:effectLst/>
              </a:rPr>
              <a:t> </a:t>
            </a:r>
          </a:p>
          <a:p>
            <a:r>
              <a:rPr lang="et-EE"/>
              <a:t>EntreCompi ja DigCompi raamistikest pärinevad mitmed võtmepädevused, mida avatud õppematerjalide kasutajad arendavad/milles pädevamaks muutuvad. Järgnevates kahes tabelis on toodud, milliseid raamistike pädevusi arendatakse.</a:t>
            </a:r>
            <a:endParaRPr lang="en-LB"/>
          </a:p>
          <a:p>
            <a:r>
              <a:rPr lang="et-EE" b="1"/>
              <a:t>EntreComp raamistik</a:t>
            </a:r>
            <a:endParaRPr lang="en-LB"/>
          </a:p>
          <a:p>
            <a:r>
              <a:rPr lang="et-EE"/>
              <a:t>Euroopa kodanike ja organisatsioonide ettevõtlussuutlikkuse arendamine on olnud ELi ja liikmesriikide üks peamisi poliitilisi eesmärke juba aastaid. See on üks kaheksast elukestva õppe võtmepädevusest. EntreComp: Ettevõtluspädevuse raamistik kirjeldab ettevõtlust kui elukestvat pädevust, määratleb elemendid, mis muudavad kellegi ettevõtlikuks, ja loob standardi ettevõtlusõppega seotud algatustele.</a:t>
            </a:r>
            <a:endParaRPr lang="en-LB"/>
          </a:p>
          <a:p>
            <a:r>
              <a:rPr lang="et-EE" b="1"/>
              <a:t>EntreCompi raamistik koosneb kolmest kompetentsivaldkonnast: </a:t>
            </a:r>
            <a:endParaRPr lang="en-LB"/>
          </a:p>
          <a:p>
            <a:endParaRPr lang="en-US" dirty="0"/>
          </a:p>
        </p:txBody>
      </p:sp>
      <p:sp>
        <p:nvSpPr>
          <p:cNvPr id="14" name="Freeform 13">
            <a:extLst>
              <a:ext uri="{FF2B5EF4-FFF2-40B4-BE49-F238E27FC236}">
                <a16:creationId xmlns:a16="http://schemas.microsoft.com/office/drawing/2014/main" id="{2DDD3612-FD4B-FB47-8456-FA522253AB33}"/>
              </a:ext>
            </a:extLst>
          </p:cNvPr>
          <p:cNvSpPr/>
          <p:nvPr/>
        </p:nvSpPr>
        <p:spPr>
          <a:xfrm>
            <a:off x="381979" y="4278422"/>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538141DF-E30C-CD4F-8489-81CF9A39F895}"/>
              </a:ext>
            </a:extLst>
          </p:cNvPr>
          <p:cNvSpPr/>
          <p:nvPr/>
        </p:nvSpPr>
        <p:spPr>
          <a:xfrm>
            <a:off x="371347" y="5097129"/>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98A05AC6-578C-8F43-B3AF-6C92E842FEB7}"/>
              </a:ext>
            </a:extLst>
          </p:cNvPr>
          <p:cNvSpPr/>
          <p:nvPr/>
        </p:nvSpPr>
        <p:spPr>
          <a:xfrm>
            <a:off x="383379" y="6072965"/>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grpSp>
        <p:nvGrpSpPr>
          <p:cNvPr id="17" name="Group 16">
            <a:extLst>
              <a:ext uri="{FF2B5EF4-FFF2-40B4-BE49-F238E27FC236}">
                <a16:creationId xmlns:a16="http://schemas.microsoft.com/office/drawing/2014/main" id="{135B6DD9-C705-C448-9F47-12F6EF9B1CC9}"/>
              </a:ext>
            </a:extLst>
          </p:cNvPr>
          <p:cNvGrpSpPr/>
          <p:nvPr/>
        </p:nvGrpSpPr>
        <p:grpSpPr>
          <a:xfrm>
            <a:off x="958368" y="9188449"/>
            <a:ext cx="655954" cy="740410"/>
            <a:chOff x="0" y="1"/>
            <a:chExt cx="751563" cy="867883"/>
          </a:xfrm>
          <a:solidFill>
            <a:srgbClr val="7FCCC7"/>
          </a:solidFill>
        </p:grpSpPr>
        <p:sp>
          <p:nvSpPr>
            <p:cNvPr id="18" name="Freeform 17">
              <a:extLst>
                <a:ext uri="{FF2B5EF4-FFF2-40B4-BE49-F238E27FC236}">
                  <a16:creationId xmlns:a16="http://schemas.microsoft.com/office/drawing/2014/main" id="{A205A980-2906-0340-B5FB-D4C4302352CE}"/>
                </a:ext>
              </a:extLst>
            </p:cNvPr>
            <p:cNvSpPr/>
            <p:nvPr/>
          </p:nvSpPr>
          <p:spPr>
            <a:xfrm>
              <a:off x="216797" y="18761"/>
              <a:ext cx="346875" cy="361328"/>
            </a:xfrm>
            <a:custGeom>
              <a:avLst/>
              <a:gdLst>
                <a:gd name="connsiteX0" fmla="*/ 0 w 346875"/>
                <a:gd name="connsiteY0" fmla="*/ 173437 h 361328"/>
                <a:gd name="connsiteX1" fmla="*/ 173438 w 346875"/>
                <a:gd name="connsiteY1" fmla="*/ 0 h 361328"/>
                <a:gd name="connsiteX2" fmla="*/ 346875 w 346875"/>
                <a:gd name="connsiteY2" fmla="*/ 173437 h 361328"/>
                <a:gd name="connsiteX3" fmla="*/ 240283 w 346875"/>
                <a:gd name="connsiteY3" fmla="*/ 333325 h 361328"/>
                <a:gd name="connsiteX4" fmla="*/ 231250 w 346875"/>
                <a:gd name="connsiteY4" fmla="*/ 346875 h 361328"/>
                <a:gd name="connsiteX5" fmla="*/ 231250 w 346875"/>
                <a:gd name="connsiteY5" fmla="*/ 361329 h 361328"/>
                <a:gd name="connsiteX6" fmla="*/ 115625 w 346875"/>
                <a:gd name="connsiteY6" fmla="*/ 361329 h 361328"/>
                <a:gd name="connsiteX7" fmla="*/ 115625 w 346875"/>
                <a:gd name="connsiteY7" fmla="*/ 346875 h 361328"/>
                <a:gd name="connsiteX8" fmla="*/ 106592 w 346875"/>
                <a:gd name="connsiteY8" fmla="*/ 333325 h 361328"/>
                <a:gd name="connsiteX9" fmla="*/ 0 w 346875"/>
                <a:gd name="connsiteY9" fmla="*/ 173437 h 36132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346875" h="361328">
                  <a:moveTo>
                    <a:pt x="0" y="173437"/>
                  </a:moveTo>
                  <a:cubicBezTo>
                    <a:pt x="0" y="77685"/>
                    <a:pt x="77685" y="0"/>
                    <a:pt x="173438" y="0"/>
                  </a:cubicBezTo>
                  <a:cubicBezTo>
                    <a:pt x="269190" y="0"/>
                    <a:pt x="346875" y="77685"/>
                    <a:pt x="346875" y="173437"/>
                  </a:cubicBezTo>
                  <a:cubicBezTo>
                    <a:pt x="346875" y="242993"/>
                    <a:pt x="304419" y="306226"/>
                    <a:pt x="240283" y="333325"/>
                  </a:cubicBezTo>
                  <a:cubicBezTo>
                    <a:pt x="234864" y="335132"/>
                    <a:pt x="231250" y="340552"/>
                    <a:pt x="231250" y="346875"/>
                  </a:cubicBezTo>
                  <a:lnTo>
                    <a:pt x="231250" y="361329"/>
                  </a:lnTo>
                  <a:lnTo>
                    <a:pt x="115625" y="361329"/>
                  </a:lnTo>
                  <a:lnTo>
                    <a:pt x="115625" y="346875"/>
                  </a:lnTo>
                  <a:cubicBezTo>
                    <a:pt x="115625" y="341455"/>
                    <a:pt x="112012" y="336035"/>
                    <a:pt x="106592" y="333325"/>
                  </a:cubicBezTo>
                  <a:cubicBezTo>
                    <a:pt x="42456" y="307129"/>
                    <a:pt x="0" y="243897"/>
                    <a:pt x="0" y="173437"/>
                  </a:cubicBezTo>
                  <a:close/>
                </a:path>
              </a:pathLst>
            </a:custGeom>
            <a:solidFill>
              <a:srgbClr val="7FCCC7">
                <a:alpha val="41176"/>
              </a:srgbClr>
            </a:solidFill>
            <a:ln w="9028" cap="flat">
              <a:noFill/>
              <a:prstDash val="solid"/>
              <a:miter/>
            </a:ln>
          </p:spPr>
          <p:txBody>
            <a:bodyPr rtlCol="0" anchor="ctr"/>
            <a:lstStyle/>
            <a:p>
              <a:endParaRPr lang="en-GB" dirty="0"/>
            </a:p>
          </p:txBody>
        </p:sp>
        <p:grpSp>
          <p:nvGrpSpPr>
            <p:cNvPr id="19" name="Graphic 2">
              <a:extLst>
                <a:ext uri="{FF2B5EF4-FFF2-40B4-BE49-F238E27FC236}">
                  <a16:creationId xmlns:a16="http://schemas.microsoft.com/office/drawing/2014/main" id="{5543D700-1C9F-7346-BCA8-5EB82F7DFADD}"/>
                </a:ext>
              </a:extLst>
            </p:cNvPr>
            <p:cNvGrpSpPr/>
            <p:nvPr/>
          </p:nvGrpSpPr>
          <p:grpSpPr>
            <a:xfrm>
              <a:off x="0" y="0"/>
              <a:ext cx="751563" cy="867883"/>
              <a:chOff x="0" y="0"/>
              <a:chExt cx="751563" cy="867883"/>
            </a:xfrm>
            <a:grpFill/>
          </p:grpSpPr>
          <p:sp>
            <p:nvSpPr>
              <p:cNvPr id="20" name="Freeform 19">
                <a:extLst>
                  <a:ext uri="{FF2B5EF4-FFF2-40B4-BE49-F238E27FC236}">
                    <a16:creationId xmlns:a16="http://schemas.microsoft.com/office/drawing/2014/main" id="{D76EA20A-AFCF-904D-9595-A41CFAE7AE3A}"/>
                  </a:ext>
                </a:extLst>
              </p:cNvPr>
              <p:cNvSpPr/>
              <p:nvPr/>
            </p:nvSpPr>
            <p:spPr>
              <a:xfrm>
                <a:off x="621485" y="188586"/>
                <a:ext cx="72265" cy="28906"/>
              </a:xfrm>
              <a:custGeom>
                <a:avLst/>
                <a:gdLst>
                  <a:gd name="connsiteX0" fmla="*/ 57813 w 72265"/>
                  <a:gd name="connsiteY0" fmla="*/ 28906 h 28906"/>
                  <a:gd name="connsiteX1" fmla="*/ 14453 w 72265"/>
                  <a:gd name="connsiteY1" fmla="*/ 28906 h 28906"/>
                  <a:gd name="connsiteX2" fmla="*/ 0 w 72265"/>
                  <a:gd name="connsiteY2" fmla="*/ 14453 h 28906"/>
                  <a:gd name="connsiteX3" fmla="*/ 14453 w 72265"/>
                  <a:gd name="connsiteY3" fmla="*/ 0 h 28906"/>
                  <a:gd name="connsiteX4" fmla="*/ 57813 w 72265"/>
                  <a:gd name="connsiteY4" fmla="*/ 0 h 28906"/>
                  <a:gd name="connsiteX5" fmla="*/ 72266 w 72265"/>
                  <a:gd name="connsiteY5" fmla="*/ 14453 h 28906"/>
                  <a:gd name="connsiteX6" fmla="*/ 57813 w 72265"/>
                  <a:gd name="connsiteY6" fmla="*/ 28906 h 2890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265" h="28906">
                    <a:moveTo>
                      <a:pt x="57813" y="28906"/>
                    </a:moveTo>
                    <a:lnTo>
                      <a:pt x="14453" y="28906"/>
                    </a:lnTo>
                    <a:cubicBezTo>
                      <a:pt x="6323" y="28906"/>
                      <a:pt x="0" y="22583"/>
                      <a:pt x="0" y="14453"/>
                    </a:cubicBezTo>
                    <a:cubicBezTo>
                      <a:pt x="0" y="6323"/>
                      <a:pt x="6323" y="0"/>
                      <a:pt x="14453" y="0"/>
                    </a:cubicBezTo>
                    <a:lnTo>
                      <a:pt x="57813" y="0"/>
                    </a:lnTo>
                    <a:cubicBezTo>
                      <a:pt x="65942" y="0"/>
                      <a:pt x="72266" y="6323"/>
                      <a:pt x="72266" y="14453"/>
                    </a:cubicBezTo>
                    <a:cubicBezTo>
                      <a:pt x="72266" y="22583"/>
                      <a:pt x="65942" y="28906"/>
                      <a:pt x="57813" y="28906"/>
                    </a:cubicBezTo>
                    <a:close/>
                  </a:path>
                </a:pathLst>
              </a:custGeom>
              <a:grpFill/>
              <a:ln w="9028" cap="flat">
                <a:noFill/>
                <a:prstDash val="solid"/>
                <a:miter/>
              </a:ln>
            </p:spPr>
            <p:txBody>
              <a:bodyPr rtlCol="0" anchor="ctr"/>
              <a:lstStyle/>
              <a:p>
                <a:endParaRPr lang="en-GB"/>
              </a:p>
            </p:txBody>
          </p:sp>
          <p:sp>
            <p:nvSpPr>
              <p:cNvPr id="21" name="Freeform 20">
                <a:extLst>
                  <a:ext uri="{FF2B5EF4-FFF2-40B4-BE49-F238E27FC236}">
                    <a16:creationId xmlns:a16="http://schemas.microsoft.com/office/drawing/2014/main" id="{24688FD0-D16C-9D41-AC49-A16275BD789F}"/>
                  </a:ext>
                </a:extLst>
              </p:cNvPr>
              <p:cNvSpPr/>
              <p:nvPr/>
            </p:nvSpPr>
            <p:spPr>
              <a:xfrm>
                <a:off x="590772" y="51281"/>
                <a:ext cx="66846" cy="50585"/>
              </a:xfrm>
              <a:custGeom>
                <a:avLst/>
                <a:gdLst>
                  <a:gd name="connsiteX0" fmla="*/ 14453 w 66846"/>
                  <a:gd name="connsiteY0" fmla="*/ 50586 h 50585"/>
                  <a:gd name="connsiteX1" fmla="*/ 0 w 66846"/>
                  <a:gd name="connsiteY1" fmla="*/ 36133 h 50585"/>
                  <a:gd name="connsiteX2" fmla="*/ 7227 w 66846"/>
                  <a:gd name="connsiteY2" fmla="*/ 23486 h 50585"/>
                  <a:gd name="connsiteX3" fmla="*/ 45166 w 66846"/>
                  <a:gd name="connsiteY3" fmla="*/ 1807 h 50585"/>
                  <a:gd name="connsiteX4" fmla="*/ 65039 w 66846"/>
                  <a:gd name="connsiteY4" fmla="*/ 7226 h 50585"/>
                  <a:gd name="connsiteX5" fmla="*/ 59620 w 66846"/>
                  <a:gd name="connsiteY5" fmla="*/ 27100 h 50585"/>
                  <a:gd name="connsiteX6" fmla="*/ 21680 w 66846"/>
                  <a:gd name="connsiteY6" fmla="*/ 48780 h 50585"/>
                  <a:gd name="connsiteX7" fmla="*/ 14453 w 66846"/>
                  <a:gd name="connsiteY7" fmla="*/ 50586 h 50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6846" h="50585">
                    <a:moveTo>
                      <a:pt x="14453" y="50586"/>
                    </a:moveTo>
                    <a:cubicBezTo>
                      <a:pt x="6323" y="50586"/>
                      <a:pt x="0" y="44263"/>
                      <a:pt x="0" y="36133"/>
                    </a:cubicBezTo>
                    <a:cubicBezTo>
                      <a:pt x="0" y="30713"/>
                      <a:pt x="2710" y="26197"/>
                      <a:pt x="7227" y="23486"/>
                    </a:cubicBezTo>
                    <a:lnTo>
                      <a:pt x="45166" y="1807"/>
                    </a:lnTo>
                    <a:cubicBezTo>
                      <a:pt x="52393" y="-1807"/>
                      <a:pt x="60523" y="0"/>
                      <a:pt x="65039" y="7226"/>
                    </a:cubicBezTo>
                    <a:cubicBezTo>
                      <a:pt x="68653" y="14453"/>
                      <a:pt x="66846" y="22583"/>
                      <a:pt x="59620" y="27100"/>
                    </a:cubicBezTo>
                    <a:lnTo>
                      <a:pt x="21680" y="48780"/>
                    </a:lnTo>
                    <a:cubicBezTo>
                      <a:pt x="19873" y="49683"/>
                      <a:pt x="17163" y="50586"/>
                      <a:pt x="14453" y="50586"/>
                    </a:cubicBezTo>
                    <a:close/>
                  </a:path>
                </a:pathLst>
              </a:custGeom>
              <a:grpFill/>
              <a:ln w="9028" cap="flat">
                <a:noFill/>
                <a:prstDash val="solid"/>
                <a:miter/>
              </a:ln>
            </p:spPr>
            <p:txBody>
              <a:bodyPr rtlCol="0" anchor="ctr"/>
              <a:lstStyle/>
              <a:p>
                <a:endParaRPr lang="en-GB"/>
              </a:p>
            </p:txBody>
          </p:sp>
          <p:sp>
            <p:nvSpPr>
              <p:cNvPr id="22" name="Freeform 21">
                <a:extLst>
                  <a:ext uri="{FF2B5EF4-FFF2-40B4-BE49-F238E27FC236}">
                    <a16:creationId xmlns:a16="http://schemas.microsoft.com/office/drawing/2014/main" id="{F6C1710C-448A-5D4D-AA00-15A0FAB3EE3D}"/>
                  </a:ext>
                </a:extLst>
              </p:cNvPr>
              <p:cNvSpPr/>
              <p:nvPr/>
            </p:nvSpPr>
            <p:spPr>
              <a:xfrm>
                <a:off x="57812" y="188586"/>
                <a:ext cx="72265" cy="28906"/>
              </a:xfrm>
              <a:custGeom>
                <a:avLst/>
                <a:gdLst>
                  <a:gd name="connsiteX0" fmla="*/ 57813 w 72265"/>
                  <a:gd name="connsiteY0" fmla="*/ 28906 h 28906"/>
                  <a:gd name="connsiteX1" fmla="*/ 14453 w 72265"/>
                  <a:gd name="connsiteY1" fmla="*/ 28906 h 28906"/>
                  <a:gd name="connsiteX2" fmla="*/ 0 w 72265"/>
                  <a:gd name="connsiteY2" fmla="*/ 14453 h 28906"/>
                  <a:gd name="connsiteX3" fmla="*/ 14453 w 72265"/>
                  <a:gd name="connsiteY3" fmla="*/ 0 h 28906"/>
                  <a:gd name="connsiteX4" fmla="*/ 57813 w 72265"/>
                  <a:gd name="connsiteY4" fmla="*/ 0 h 28906"/>
                  <a:gd name="connsiteX5" fmla="*/ 72266 w 72265"/>
                  <a:gd name="connsiteY5" fmla="*/ 14453 h 28906"/>
                  <a:gd name="connsiteX6" fmla="*/ 57813 w 72265"/>
                  <a:gd name="connsiteY6" fmla="*/ 28906 h 2890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265" h="28906">
                    <a:moveTo>
                      <a:pt x="57813" y="28906"/>
                    </a:moveTo>
                    <a:lnTo>
                      <a:pt x="14453" y="28906"/>
                    </a:lnTo>
                    <a:cubicBezTo>
                      <a:pt x="6323" y="28906"/>
                      <a:pt x="0" y="22583"/>
                      <a:pt x="0" y="14453"/>
                    </a:cubicBezTo>
                    <a:cubicBezTo>
                      <a:pt x="0" y="6323"/>
                      <a:pt x="6323" y="0"/>
                      <a:pt x="14453" y="0"/>
                    </a:cubicBezTo>
                    <a:lnTo>
                      <a:pt x="57813" y="0"/>
                    </a:lnTo>
                    <a:cubicBezTo>
                      <a:pt x="65943" y="0"/>
                      <a:pt x="72266" y="6323"/>
                      <a:pt x="72266" y="14453"/>
                    </a:cubicBezTo>
                    <a:cubicBezTo>
                      <a:pt x="72266" y="22583"/>
                      <a:pt x="65943" y="28906"/>
                      <a:pt x="57813" y="28906"/>
                    </a:cubicBezTo>
                    <a:close/>
                  </a:path>
                </a:pathLst>
              </a:custGeom>
              <a:grpFill/>
              <a:ln w="9028" cap="flat">
                <a:noFill/>
                <a:prstDash val="solid"/>
                <a:miter/>
              </a:ln>
            </p:spPr>
            <p:txBody>
              <a:bodyPr rtlCol="0" anchor="ctr"/>
              <a:lstStyle/>
              <a:p>
                <a:endParaRPr lang="en-GB"/>
              </a:p>
            </p:txBody>
          </p:sp>
          <p:sp>
            <p:nvSpPr>
              <p:cNvPr id="23" name="Freeform 22">
                <a:extLst>
                  <a:ext uri="{FF2B5EF4-FFF2-40B4-BE49-F238E27FC236}">
                    <a16:creationId xmlns:a16="http://schemas.microsoft.com/office/drawing/2014/main" id="{BD911144-E40E-C54C-B1BF-EBC6AF3E95C6}"/>
                  </a:ext>
                </a:extLst>
              </p:cNvPr>
              <p:cNvSpPr/>
              <p:nvPr/>
            </p:nvSpPr>
            <p:spPr>
              <a:xfrm>
                <a:off x="94849" y="51281"/>
                <a:ext cx="66845" cy="50585"/>
              </a:xfrm>
              <a:custGeom>
                <a:avLst/>
                <a:gdLst>
                  <a:gd name="connsiteX0" fmla="*/ 52393 w 66845"/>
                  <a:gd name="connsiteY0" fmla="*/ 50586 h 50585"/>
                  <a:gd name="connsiteX1" fmla="*/ 45166 w 66845"/>
                  <a:gd name="connsiteY1" fmla="*/ 48780 h 50585"/>
                  <a:gd name="connsiteX2" fmla="*/ 7226 w 66845"/>
                  <a:gd name="connsiteY2" fmla="*/ 27100 h 50585"/>
                  <a:gd name="connsiteX3" fmla="*/ 1807 w 66845"/>
                  <a:gd name="connsiteY3" fmla="*/ 7226 h 50585"/>
                  <a:gd name="connsiteX4" fmla="*/ 21679 w 66845"/>
                  <a:gd name="connsiteY4" fmla="*/ 1807 h 50585"/>
                  <a:gd name="connsiteX5" fmla="*/ 59619 w 66845"/>
                  <a:gd name="connsiteY5" fmla="*/ 23486 h 50585"/>
                  <a:gd name="connsiteX6" fmla="*/ 65039 w 66845"/>
                  <a:gd name="connsiteY6" fmla="*/ 43359 h 50585"/>
                  <a:gd name="connsiteX7" fmla="*/ 52393 w 66845"/>
                  <a:gd name="connsiteY7" fmla="*/ 50586 h 50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6845" h="50585">
                    <a:moveTo>
                      <a:pt x="52393" y="50586"/>
                    </a:moveTo>
                    <a:cubicBezTo>
                      <a:pt x="49683" y="50586"/>
                      <a:pt x="46973" y="49683"/>
                      <a:pt x="45166" y="48780"/>
                    </a:cubicBezTo>
                    <a:lnTo>
                      <a:pt x="7226" y="27100"/>
                    </a:lnTo>
                    <a:cubicBezTo>
                      <a:pt x="0" y="23486"/>
                      <a:pt x="-1807" y="14453"/>
                      <a:pt x="1807" y="7226"/>
                    </a:cubicBezTo>
                    <a:cubicBezTo>
                      <a:pt x="5420" y="0"/>
                      <a:pt x="14453" y="-1807"/>
                      <a:pt x="21679" y="1807"/>
                    </a:cubicBezTo>
                    <a:lnTo>
                      <a:pt x="59619" y="23486"/>
                    </a:lnTo>
                    <a:cubicBezTo>
                      <a:pt x="66845" y="27100"/>
                      <a:pt x="68652" y="36133"/>
                      <a:pt x="65039" y="43359"/>
                    </a:cubicBezTo>
                    <a:cubicBezTo>
                      <a:pt x="62329" y="47876"/>
                      <a:pt x="56909" y="50586"/>
                      <a:pt x="52393" y="50586"/>
                    </a:cubicBezTo>
                    <a:close/>
                  </a:path>
                </a:pathLst>
              </a:custGeom>
              <a:grpFill/>
              <a:ln w="9028" cap="flat">
                <a:noFill/>
                <a:prstDash val="solid"/>
                <a:miter/>
              </a:ln>
            </p:spPr>
            <p:txBody>
              <a:bodyPr rtlCol="0" anchor="ctr"/>
              <a:lstStyle/>
              <a:p>
                <a:endParaRPr lang="en-GB"/>
              </a:p>
            </p:txBody>
          </p:sp>
          <p:sp>
            <p:nvSpPr>
              <p:cNvPr id="24" name="Freeform 23">
                <a:extLst>
                  <a:ext uri="{FF2B5EF4-FFF2-40B4-BE49-F238E27FC236}">
                    <a16:creationId xmlns:a16="http://schemas.microsoft.com/office/drawing/2014/main" id="{580AF9C0-C7F6-7D41-84D9-B5044A7B2D26}"/>
                  </a:ext>
                </a:extLst>
              </p:cNvPr>
              <p:cNvSpPr/>
              <p:nvPr/>
            </p:nvSpPr>
            <p:spPr>
              <a:xfrm>
                <a:off x="94849" y="304211"/>
                <a:ext cx="66845" cy="50585"/>
              </a:xfrm>
              <a:custGeom>
                <a:avLst/>
                <a:gdLst>
                  <a:gd name="connsiteX0" fmla="*/ 14453 w 66845"/>
                  <a:gd name="connsiteY0" fmla="*/ 50586 h 50585"/>
                  <a:gd name="connsiteX1" fmla="*/ 0 w 66845"/>
                  <a:gd name="connsiteY1" fmla="*/ 36133 h 50585"/>
                  <a:gd name="connsiteX2" fmla="*/ 7226 w 66845"/>
                  <a:gd name="connsiteY2" fmla="*/ 23486 h 50585"/>
                  <a:gd name="connsiteX3" fmla="*/ 45166 w 66845"/>
                  <a:gd name="connsiteY3" fmla="*/ 1807 h 50585"/>
                  <a:gd name="connsiteX4" fmla="*/ 65039 w 66845"/>
                  <a:gd name="connsiteY4" fmla="*/ 7226 h 50585"/>
                  <a:gd name="connsiteX5" fmla="*/ 59619 w 66845"/>
                  <a:gd name="connsiteY5" fmla="*/ 27100 h 50585"/>
                  <a:gd name="connsiteX6" fmla="*/ 21679 w 66845"/>
                  <a:gd name="connsiteY6" fmla="*/ 48780 h 50585"/>
                  <a:gd name="connsiteX7" fmla="*/ 14453 w 66845"/>
                  <a:gd name="connsiteY7" fmla="*/ 50586 h 50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6845" h="50585">
                    <a:moveTo>
                      <a:pt x="14453" y="50586"/>
                    </a:moveTo>
                    <a:cubicBezTo>
                      <a:pt x="6323" y="50586"/>
                      <a:pt x="0" y="44263"/>
                      <a:pt x="0" y="36133"/>
                    </a:cubicBezTo>
                    <a:cubicBezTo>
                      <a:pt x="0" y="30713"/>
                      <a:pt x="2710" y="26197"/>
                      <a:pt x="7226" y="23486"/>
                    </a:cubicBezTo>
                    <a:lnTo>
                      <a:pt x="45166" y="1807"/>
                    </a:lnTo>
                    <a:cubicBezTo>
                      <a:pt x="52393" y="-1807"/>
                      <a:pt x="60523" y="0"/>
                      <a:pt x="65039" y="7226"/>
                    </a:cubicBezTo>
                    <a:cubicBezTo>
                      <a:pt x="68652" y="14453"/>
                      <a:pt x="66845" y="22583"/>
                      <a:pt x="59619" y="27100"/>
                    </a:cubicBezTo>
                    <a:lnTo>
                      <a:pt x="21679" y="48780"/>
                    </a:lnTo>
                    <a:cubicBezTo>
                      <a:pt x="19873" y="49683"/>
                      <a:pt x="17163" y="50586"/>
                      <a:pt x="14453" y="50586"/>
                    </a:cubicBezTo>
                    <a:close/>
                  </a:path>
                </a:pathLst>
              </a:custGeom>
              <a:grpFill/>
              <a:ln w="9028" cap="flat">
                <a:noFill/>
                <a:prstDash val="solid"/>
                <a:miter/>
              </a:ln>
            </p:spPr>
            <p:txBody>
              <a:bodyPr rtlCol="0" anchor="ctr"/>
              <a:lstStyle/>
              <a:p>
                <a:endParaRPr lang="en-GB"/>
              </a:p>
            </p:txBody>
          </p:sp>
          <p:sp>
            <p:nvSpPr>
              <p:cNvPr id="25" name="Freeform 24">
                <a:extLst>
                  <a:ext uri="{FF2B5EF4-FFF2-40B4-BE49-F238E27FC236}">
                    <a16:creationId xmlns:a16="http://schemas.microsoft.com/office/drawing/2014/main" id="{5CF8E42E-BB3A-904B-9FAC-8644502C8994}"/>
                  </a:ext>
                </a:extLst>
              </p:cNvPr>
              <p:cNvSpPr/>
              <p:nvPr/>
            </p:nvSpPr>
            <p:spPr>
              <a:xfrm>
                <a:off x="390235" y="101867"/>
                <a:ext cx="130155" cy="202344"/>
              </a:xfrm>
              <a:custGeom>
                <a:avLst/>
                <a:gdLst>
                  <a:gd name="connsiteX0" fmla="*/ 43359 w 130155"/>
                  <a:gd name="connsiteY0" fmla="*/ 202344 h 202344"/>
                  <a:gd name="connsiteX1" fmla="*/ 0 w 130155"/>
                  <a:gd name="connsiteY1" fmla="*/ 158985 h 202344"/>
                  <a:gd name="connsiteX2" fmla="*/ 0 w 130155"/>
                  <a:gd name="connsiteY2" fmla="*/ 43360 h 202344"/>
                  <a:gd name="connsiteX3" fmla="*/ 43359 w 130155"/>
                  <a:gd name="connsiteY3" fmla="*/ 0 h 202344"/>
                  <a:gd name="connsiteX4" fmla="*/ 86719 w 130155"/>
                  <a:gd name="connsiteY4" fmla="*/ 43360 h 202344"/>
                  <a:gd name="connsiteX5" fmla="*/ 86719 w 130155"/>
                  <a:gd name="connsiteY5" fmla="*/ 45166 h 202344"/>
                  <a:gd name="connsiteX6" fmla="*/ 128271 w 130155"/>
                  <a:gd name="connsiteY6" fmla="*/ 115626 h 202344"/>
                  <a:gd name="connsiteX7" fmla="*/ 86719 w 130155"/>
                  <a:gd name="connsiteY7" fmla="*/ 157178 h 202344"/>
                  <a:gd name="connsiteX8" fmla="*/ 86719 w 130155"/>
                  <a:gd name="connsiteY8" fmla="*/ 158985 h 202344"/>
                  <a:gd name="connsiteX9" fmla="*/ 43359 w 130155"/>
                  <a:gd name="connsiteY9" fmla="*/ 202344 h 202344"/>
                  <a:gd name="connsiteX10" fmla="*/ 43359 w 130155"/>
                  <a:gd name="connsiteY10" fmla="*/ 28906 h 202344"/>
                  <a:gd name="connsiteX11" fmla="*/ 28906 w 130155"/>
                  <a:gd name="connsiteY11" fmla="*/ 43360 h 202344"/>
                  <a:gd name="connsiteX12" fmla="*/ 28906 w 130155"/>
                  <a:gd name="connsiteY12" fmla="*/ 158985 h 202344"/>
                  <a:gd name="connsiteX13" fmla="*/ 43359 w 130155"/>
                  <a:gd name="connsiteY13" fmla="*/ 173438 h 202344"/>
                  <a:gd name="connsiteX14" fmla="*/ 57812 w 130155"/>
                  <a:gd name="connsiteY14" fmla="*/ 158985 h 202344"/>
                  <a:gd name="connsiteX15" fmla="*/ 56005 w 130155"/>
                  <a:gd name="connsiteY15" fmla="*/ 151758 h 202344"/>
                  <a:gd name="connsiteX16" fmla="*/ 60522 w 130155"/>
                  <a:gd name="connsiteY16" fmla="*/ 131885 h 202344"/>
                  <a:gd name="connsiteX17" fmla="*/ 71362 w 130155"/>
                  <a:gd name="connsiteY17" fmla="*/ 130079 h 202344"/>
                  <a:gd name="connsiteX18" fmla="*/ 101172 w 130155"/>
                  <a:gd name="connsiteY18" fmla="*/ 101172 h 202344"/>
                  <a:gd name="connsiteX19" fmla="*/ 101172 w 130155"/>
                  <a:gd name="connsiteY19" fmla="*/ 101172 h 202344"/>
                  <a:gd name="connsiteX20" fmla="*/ 72266 w 130155"/>
                  <a:gd name="connsiteY20" fmla="*/ 72266 h 202344"/>
                  <a:gd name="connsiteX21" fmla="*/ 56909 w 130155"/>
                  <a:gd name="connsiteY21" fmla="*/ 66846 h 202344"/>
                  <a:gd name="connsiteX22" fmla="*/ 56005 w 130155"/>
                  <a:gd name="connsiteY22" fmla="*/ 50586 h 202344"/>
                  <a:gd name="connsiteX23" fmla="*/ 57812 w 130155"/>
                  <a:gd name="connsiteY23" fmla="*/ 43360 h 202344"/>
                  <a:gd name="connsiteX24" fmla="*/ 43359 w 130155"/>
                  <a:gd name="connsiteY24" fmla="*/ 28906 h 2023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Lst>
                <a:rect l="l" t="t" r="r" b="b"/>
                <a:pathLst>
                  <a:path w="130155" h="202344">
                    <a:moveTo>
                      <a:pt x="43359" y="202344"/>
                    </a:moveTo>
                    <a:cubicBezTo>
                      <a:pt x="18970" y="202344"/>
                      <a:pt x="0" y="183375"/>
                      <a:pt x="0" y="158985"/>
                    </a:cubicBezTo>
                    <a:lnTo>
                      <a:pt x="0" y="43360"/>
                    </a:lnTo>
                    <a:cubicBezTo>
                      <a:pt x="0" y="18970"/>
                      <a:pt x="18970" y="0"/>
                      <a:pt x="43359" y="0"/>
                    </a:cubicBezTo>
                    <a:cubicBezTo>
                      <a:pt x="67749" y="0"/>
                      <a:pt x="86719" y="18970"/>
                      <a:pt x="86719" y="43360"/>
                    </a:cubicBezTo>
                    <a:cubicBezTo>
                      <a:pt x="86719" y="44263"/>
                      <a:pt x="86719" y="44263"/>
                      <a:pt x="86719" y="45166"/>
                    </a:cubicBezTo>
                    <a:cubicBezTo>
                      <a:pt x="117432" y="53296"/>
                      <a:pt x="136401" y="84912"/>
                      <a:pt x="128271" y="115626"/>
                    </a:cubicBezTo>
                    <a:cubicBezTo>
                      <a:pt x="122852" y="136402"/>
                      <a:pt x="107495" y="151758"/>
                      <a:pt x="86719" y="157178"/>
                    </a:cubicBezTo>
                    <a:cubicBezTo>
                      <a:pt x="86719" y="158081"/>
                      <a:pt x="86719" y="158081"/>
                      <a:pt x="86719" y="158985"/>
                    </a:cubicBezTo>
                    <a:cubicBezTo>
                      <a:pt x="86719" y="183375"/>
                      <a:pt x="67749" y="202344"/>
                      <a:pt x="43359" y="202344"/>
                    </a:cubicBezTo>
                    <a:close/>
                    <a:moveTo>
                      <a:pt x="43359" y="28906"/>
                    </a:moveTo>
                    <a:cubicBezTo>
                      <a:pt x="35229" y="28906"/>
                      <a:pt x="28906" y="35230"/>
                      <a:pt x="28906" y="43360"/>
                    </a:cubicBezTo>
                    <a:lnTo>
                      <a:pt x="28906" y="158985"/>
                    </a:lnTo>
                    <a:cubicBezTo>
                      <a:pt x="28906" y="167114"/>
                      <a:pt x="35229" y="173438"/>
                      <a:pt x="43359" y="173438"/>
                    </a:cubicBezTo>
                    <a:cubicBezTo>
                      <a:pt x="51489" y="173438"/>
                      <a:pt x="57812" y="167114"/>
                      <a:pt x="57812" y="158985"/>
                    </a:cubicBezTo>
                    <a:cubicBezTo>
                      <a:pt x="57812" y="156275"/>
                      <a:pt x="56909" y="153565"/>
                      <a:pt x="56005" y="151758"/>
                    </a:cubicBezTo>
                    <a:cubicBezTo>
                      <a:pt x="51489" y="144531"/>
                      <a:pt x="54199" y="136402"/>
                      <a:pt x="60522" y="131885"/>
                    </a:cubicBezTo>
                    <a:cubicBezTo>
                      <a:pt x="64136" y="130079"/>
                      <a:pt x="67749" y="129175"/>
                      <a:pt x="71362" y="130079"/>
                    </a:cubicBezTo>
                    <a:cubicBezTo>
                      <a:pt x="87622" y="130079"/>
                      <a:pt x="101172" y="117432"/>
                      <a:pt x="101172" y="101172"/>
                    </a:cubicBezTo>
                    <a:cubicBezTo>
                      <a:pt x="101172" y="101172"/>
                      <a:pt x="101172" y="101172"/>
                      <a:pt x="101172" y="101172"/>
                    </a:cubicBezTo>
                    <a:cubicBezTo>
                      <a:pt x="101172" y="84912"/>
                      <a:pt x="88525" y="72266"/>
                      <a:pt x="72266" y="72266"/>
                    </a:cubicBezTo>
                    <a:cubicBezTo>
                      <a:pt x="66845" y="73169"/>
                      <a:pt x="60522" y="71363"/>
                      <a:pt x="56909" y="66846"/>
                    </a:cubicBezTo>
                    <a:cubicBezTo>
                      <a:pt x="53296" y="62329"/>
                      <a:pt x="53296" y="56006"/>
                      <a:pt x="56005" y="50586"/>
                    </a:cubicBezTo>
                    <a:cubicBezTo>
                      <a:pt x="56909" y="48780"/>
                      <a:pt x="57812" y="46070"/>
                      <a:pt x="57812" y="43360"/>
                    </a:cubicBezTo>
                    <a:cubicBezTo>
                      <a:pt x="57812" y="35230"/>
                      <a:pt x="51489" y="28906"/>
                      <a:pt x="43359" y="28906"/>
                    </a:cubicBezTo>
                    <a:close/>
                  </a:path>
                </a:pathLst>
              </a:custGeom>
              <a:grpFill/>
              <a:ln w="9028" cap="flat">
                <a:noFill/>
                <a:prstDash val="solid"/>
                <a:miter/>
              </a:ln>
            </p:spPr>
            <p:txBody>
              <a:bodyPr rtlCol="0" anchor="ctr"/>
              <a:lstStyle/>
              <a:p>
                <a:endParaRPr lang="en-GB"/>
              </a:p>
            </p:txBody>
          </p:sp>
          <p:sp>
            <p:nvSpPr>
              <p:cNvPr id="26" name="Freeform 25">
                <a:extLst>
                  <a:ext uri="{FF2B5EF4-FFF2-40B4-BE49-F238E27FC236}">
                    <a16:creationId xmlns:a16="http://schemas.microsoft.com/office/drawing/2014/main" id="{C5BCAC29-CAA5-284E-AB73-17F698436582}"/>
                  </a:ext>
                </a:extLst>
              </p:cNvPr>
              <p:cNvSpPr/>
              <p:nvPr/>
            </p:nvSpPr>
            <p:spPr>
              <a:xfrm>
                <a:off x="231172" y="101867"/>
                <a:ext cx="130156" cy="202344"/>
              </a:xfrm>
              <a:custGeom>
                <a:avLst/>
                <a:gdLst>
                  <a:gd name="connsiteX0" fmla="*/ 86797 w 130156"/>
                  <a:gd name="connsiteY0" fmla="*/ 202344 h 202344"/>
                  <a:gd name="connsiteX1" fmla="*/ 43437 w 130156"/>
                  <a:gd name="connsiteY1" fmla="*/ 158985 h 202344"/>
                  <a:gd name="connsiteX2" fmla="*/ 43437 w 130156"/>
                  <a:gd name="connsiteY2" fmla="*/ 157178 h 202344"/>
                  <a:gd name="connsiteX3" fmla="*/ 1885 w 130156"/>
                  <a:gd name="connsiteY3" fmla="*/ 86719 h 202344"/>
                  <a:gd name="connsiteX4" fmla="*/ 43437 w 130156"/>
                  <a:gd name="connsiteY4" fmla="*/ 45166 h 202344"/>
                  <a:gd name="connsiteX5" fmla="*/ 43437 w 130156"/>
                  <a:gd name="connsiteY5" fmla="*/ 43360 h 202344"/>
                  <a:gd name="connsiteX6" fmla="*/ 86797 w 130156"/>
                  <a:gd name="connsiteY6" fmla="*/ 0 h 202344"/>
                  <a:gd name="connsiteX7" fmla="*/ 130156 w 130156"/>
                  <a:gd name="connsiteY7" fmla="*/ 43360 h 202344"/>
                  <a:gd name="connsiteX8" fmla="*/ 130156 w 130156"/>
                  <a:gd name="connsiteY8" fmla="*/ 158985 h 202344"/>
                  <a:gd name="connsiteX9" fmla="*/ 86797 w 130156"/>
                  <a:gd name="connsiteY9" fmla="*/ 202344 h 202344"/>
                  <a:gd name="connsiteX10" fmla="*/ 61504 w 130156"/>
                  <a:gd name="connsiteY10" fmla="*/ 130079 h 202344"/>
                  <a:gd name="connsiteX11" fmla="*/ 73247 w 130156"/>
                  <a:gd name="connsiteY11" fmla="*/ 136402 h 202344"/>
                  <a:gd name="connsiteX12" fmla="*/ 74150 w 130156"/>
                  <a:gd name="connsiteY12" fmla="*/ 152662 h 202344"/>
                  <a:gd name="connsiteX13" fmla="*/ 72344 w 130156"/>
                  <a:gd name="connsiteY13" fmla="*/ 159888 h 202344"/>
                  <a:gd name="connsiteX14" fmla="*/ 86797 w 130156"/>
                  <a:gd name="connsiteY14" fmla="*/ 174341 h 202344"/>
                  <a:gd name="connsiteX15" fmla="*/ 101250 w 130156"/>
                  <a:gd name="connsiteY15" fmla="*/ 159888 h 202344"/>
                  <a:gd name="connsiteX16" fmla="*/ 101250 w 130156"/>
                  <a:gd name="connsiteY16" fmla="*/ 44263 h 202344"/>
                  <a:gd name="connsiteX17" fmla="*/ 86797 w 130156"/>
                  <a:gd name="connsiteY17" fmla="*/ 29810 h 202344"/>
                  <a:gd name="connsiteX18" fmla="*/ 72344 w 130156"/>
                  <a:gd name="connsiteY18" fmla="*/ 44263 h 202344"/>
                  <a:gd name="connsiteX19" fmla="*/ 74150 w 130156"/>
                  <a:gd name="connsiteY19" fmla="*/ 51489 h 202344"/>
                  <a:gd name="connsiteX20" fmla="*/ 69634 w 130156"/>
                  <a:gd name="connsiteY20" fmla="*/ 71363 h 202344"/>
                  <a:gd name="connsiteX21" fmla="*/ 58794 w 130156"/>
                  <a:gd name="connsiteY21" fmla="*/ 73169 h 202344"/>
                  <a:gd name="connsiteX22" fmla="*/ 28984 w 130156"/>
                  <a:gd name="connsiteY22" fmla="*/ 102076 h 202344"/>
                  <a:gd name="connsiteX23" fmla="*/ 28984 w 130156"/>
                  <a:gd name="connsiteY23" fmla="*/ 102076 h 202344"/>
                  <a:gd name="connsiteX24" fmla="*/ 57891 w 130156"/>
                  <a:gd name="connsiteY24" fmla="*/ 130982 h 202344"/>
                  <a:gd name="connsiteX25" fmla="*/ 61504 w 130156"/>
                  <a:gd name="connsiteY25" fmla="*/ 130079 h 2023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Lst>
                <a:rect l="l" t="t" r="r" b="b"/>
                <a:pathLst>
                  <a:path w="130156" h="202344">
                    <a:moveTo>
                      <a:pt x="86797" y="202344"/>
                    </a:moveTo>
                    <a:cubicBezTo>
                      <a:pt x="62407" y="202344"/>
                      <a:pt x="43437" y="183375"/>
                      <a:pt x="43437" y="158985"/>
                    </a:cubicBezTo>
                    <a:cubicBezTo>
                      <a:pt x="43437" y="158081"/>
                      <a:pt x="43437" y="158081"/>
                      <a:pt x="43437" y="157178"/>
                    </a:cubicBezTo>
                    <a:cubicBezTo>
                      <a:pt x="12725" y="149048"/>
                      <a:pt x="-6245" y="117432"/>
                      <a:pt x="1885" y="86719"/>
                    </a:cubicBezTo>
                    <a:cubicBezTo>
                      <a:pt x="7304" y="65943"/>
                      <a:pt x="22661" y="50586"/>
                      <a:pt x="43437" y="45166"/>
                    </a:cubicBezTo>
                    <a:cubicBezTo>
                      <a:pt x="43437" y="44263"/>
                      <a:pt x="43437" y="44263"/>
                      <a:pt x="43437" y="43360"/>
                    </a:cubicBezTo>
                    <a:cubicBezTo>
                      <a:pt x="43437" y="18970"/>
                      <a:pt x="62407" y="0"/>
                      <a:pt x="86797" y="0"/>
                    </a:cubicBezTo>
                    <a:cubicBezTo>
                      <a:pt x="111186" y="0"/>
                      <a:pt x="130156" y="18970"/>
                      <a:pt x="130156" y="43360"/>
                    </a:cubicBezTo>
                    <a:lnTo>
                      <a:pt x="130156" y="158985"/>
                    </a:lnTo>
                    <a:cubicBezTo>
                      <a:pt x="130156" y="183375"/>
                      <a:pt x="111186" y="202344"/>
                      <a:pt x="86797" y="202344"/>
                    </a:cubicBezTo>
                    <a:close/>
                    <a:moveTo>
                      <a:pt x="61504" y="130079"/>
                    </a:moveTo>
                    <a:cubicBezTo>
                      <a:pt x="66020" y="130079"/>
                      <a:pt x="70537" y="131885"/>
                      <a:pt x="73247" y="136402"/>
                    </a:cubicBezTo>
                    <a:cubicBezTo>
                      <a:pt x="76860" y="140918"/>
                      <a:pt x="76860" y="147242"/>
                      <a:pt x="74150" y="152662"/>
                    </a:cubicBezTo>
                    <a:cubicBezTo>
                      <a:pt x="73247" y="154468"/>
                      <a:pt x="72344" y="157178"/>
                      <a:pt x="72344" y="159888"/>
                    </a:cubicBezTo>
                    <a:cubicBezTo>
                      <a:pt x="72344" y="168018"/>
                      <a:pt x="78667" y="174341"/>
                      <a:pt x="86797" y="174341"/>
                    </a:cubicBezTo>
                    <a:cubicBezTo>
                      <a:pt x="94927" y="174341"/>
                      <a:pt x="101250" y="168018"/>
                      <a:pt x="101250" y="159888"/>
                    </a:cubicBezTo>
                    <a:lnTo>
                      <a:pt x="101250" y="44263"/>
                    </a:lnTo>
                    <a:cubicBezTo>
                      <a:pt x="101250" y="36133"/>
                      <a:pt x="94927" y="29810"/>
                      <a:pt x="86797" y="29810"/>
                    </a:cubicBezTo>
                    <a:cubicBezTo>
                      <a:pt x="78667" y="29810"/>
                      <a:pt x="72344" y="36133"/>
                      <a:pt x="72344" y="44263"/>
                    </a:cubicBezTo>
                    <a:cubicBezTo>
                      <a:pt x="72344" y="46973"/>
                      <a:pt x="73247" y="49683"/>
                      <a:pt x="74150" y="51489"/>
                    </a:cubicBezTo>
                    <a:cubicBezTo>
                      <a:pt x="78667" y="58716"/>
                      <a:pt x="75957" y="66846"/>
                      <a:pt x="69634" y="71363"/>
                    </a:cubicBezTo>
                    <a:cubicBezTo>
                      <a:pt x="66020" y="73169"/>
                      <a:pt x="62407" y="74072"/>
                      <a:pt x="58794" y="73169"/>
                    </a:cubicBezTo>
                    <a:cubicBezTo>
                      <a:pt x="42534" y="73169"/>
                      <a:pt x="28984" y="85816"/>
                      <a:pt x="28984" y="102076"/>
                    </a:cubicBezTo>
                    <a:cubicBezTo>
                      <a:pt x="28984" y="102076"/>
                      <a:pt x="28984" y="102076"/>
                      <a:pt x="28984" y="102076"/>
                    </a:cubicBezTo>
                    <a:cubicBezTo>
                      <a:pt x="28984" y="118335"/>
                      <a:pt x="41631" y="130982"/>
                      <a:pt x="57891" y="130982"/>
                    </a:cubicBezTo>
                    <a:cubicBezTo>
                      <a:pt x="58794" y="130079"/>
                      <a:pt x="60601" y="130079"/>
                      <a:pt x="61504" y="130079"/>
                    </a:cubicBezTo>
                    <a:close/>
                  </a:path>
                </a:pathLst>
              </a:custGeom>
              <a:grpFill/>
              <a:ln w="9028" cap="flat">
                <a:noFill/>
                <a:prstDash val="solid"/>
                <a:miter/>
              </a:ln>
            </p:spPr>
            <p:txBody>
              <a:bodyPr rtlCol="0" anchor="ctr"/>
              <a:lstStyle/>
              <a:p>
                <a:endParaRPr lang="en-GB"/>
              </a:p>
            </p:txBody>
          </p:sp>
          <p:sp>
            <p:nvSpPr>
              <p:cNvPr id="27" name="Freeform 26">
                <a:extLst>
                  <a:ext uri="{FF2B5EF4-FFF2-40B4-BE49-F238E27FC236}">
                    <a16:creationId xmlns:a16="http://schemas.microsoft.com/office/drawing/2014/main" id="{2AC66B15-FD38-F443-A34E-59AA9DF42038}"/>
                  </a:ext>
                </a:extLst>
              </p:cNvPr>
              <p:cNvSpPr/>
              <p:nvPr/>
            </p:nvSpPr>
            <p:spPr>
              <a:xfrm>
                <a:off x="590371" y="304211"/>
                <a:ext cx="67247" cy="50585"/>
              </a:xfrm>
              <a:custGeom>
                <a:avLst/>
                <a:gdLst>
                  <a:gd name="connsiteX0" fmla="*/ 7628 w 67247"/>
                  <a:gd name="connsiteY0" fmla="*/ 27100 h 50585"/>
                  <a:gd name="connsiteX1" fmla="*/ 45567 w 67247"/>
                  <a:gd name="connsiteY1" fmla="*/ 48780 h 50585"/>
                  <a:gd name="connsiteX2" fmla="*/ 65441 w 67247"/>
                  <a:gd name="connsiteY2" fmla="*/ 43359 h 50585"/>
                  <a:gd name="connsiteX3" fmla="*/ 60021 w 67247"/>
                  <a:gd name="connsiteY3" fmla="*/ 23486 h 50585"/>
                  <a:gd name="connsiteX4" fmla="*/ 22081 w 67247"/>
                  <a:gd name="connsiteY4" fmla="*/ 1807 h 50585"/>
                  <a:gd name="connsiteX5" fmla="*/ 2208 w 67247"/>
                  <a:gd name="connsiteY5" fmla="*/ 7226 h 50585"/>
                  <a:gd name="connsiteX6" fmla="*/ 7628 w 67247"/>
                  <a:gd name="connsiteY6" fmla="*/ 27100 h 50585"/>
                  <a:gd name="connsiteX7" fmla="*/ 7628 w 67247"/>
                  <a:gd name="connsiteY7" fmla="*/ 27100 h 50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7247" h="50585">
                    <a:moveTo>
                      <a:pt x="7628" y="27100"/>
                    </a:moveTo>
                    <a:lnTo>
                      <a:pt x="45567" y="48780"/>
                    </a:lnTo>
                    <a:cubicBezTo>
                      <a:pt x="52794" y="52393"/>
                      <a:pt x="60924" y="50586"/>
                      <a:pt x="65441" y="43359"/>
                    </a:cubicBezTo>
                    <a:cubicBezTo>
                      <a:pt x="69054" y="36133"/>
                      <a:pt x="67247" y="28003"/>
                      <a:pt x="60021" y="23486"/>
                    </a:cubicBezTo>
                    <a:lnTo>
                      <a:pt x="22081" y="1807"/>
                    </a:lnTo>
                    <a:cubicBezTo>
                      <a:pt x="14855" y="-1807"/>
                      <a:pt x="6725" y="0"/>
                      <a:pt x="2208" y="7226"/>
                    </a:cubicBezTo>
                    <a:cubicBezTo>
                      <a:pt x="-2308" y="14453"/>
                      <a:pt x="401" y="22583"/>
                      <a:pt x="7628" y="27100"/>
                    </a:cubicBezTo>
                    <a:cubicBezTo>
                      <a:pt x="7628" y="27100"/>
                      <a:pt x="7628" y="27100"/>
                      <a:pt x="7628" y="27100"/>
                    </a:cubicBezTo>
                    <a:close/>
                  </a:path>
                </a:pathLst>
              </a:custGeom>
              <a:grpFill/>
              <a:ln w="9028" cap="flat">
                <a:noFill/>
                <a:prstDash val="solid"/>
                <a:miter/>
              </a:ln>
            </p:spPr>
            <p:txBody>
              <a:bodyPr rtlCol="0" anchor="ctr"/>
              <a:lstStyle/>
              <a:p>
                <a:endParaRPr lang="en-GB"/>
              </a:p>
            </p:txBody>
          </p:sp>
          <p:sp>
            <p:nvSpPr>
              <p:cNvPr id="28" name="Freeform 27">
                <a:extLst>
                  <a:ext uri="{FF2B5EF4-FFF2-40B4-BE49-F238E27FC236}">
                    <a16:creationId xmlns:a16="http://schemas.microsoft.com/office/drawing/2014/main" id="{1A3671DC-4FB9-F949-846D-22FDD436900F}"/>
                  </a:ext>
                </a:extLst>
              </p:cNvPr>
              <p:cNvSpPr/>
              <p:nvPr/>
            </p:nvSpPr>
            <p:spPr>
              <a:xfrm>
                <a:off x="0" y="0"/>
                <a:ext cx="751563" cy="867883"/>
              </a:xfrm>
              <a:custGeom>
                <a:avLst/>
                <a:gdLst>
                  <a:gd name="connsiteX0" fmla="*/ 653101 w 751563"/>
                  <a:gd name="connsiteY0" fmla="*/ 546301 h 867883"/>
                  <a:gd name="connsiteX1" fmla="*/ 519410 w 751563"/>
                  <a:gd name="connsiteY1" fmla="*/ 512878 h 867883"/>
                  <a:gd name="connsiteX2" fmla="*/ 520313 w 751563"/>
                  <a:gd name="connsiteY2" fmla="*/ 509265 h 867883"/>
                  <a:gd name="connsiteX3" fmla="*/ 509473 w 751563"/>
                  <a:gd name="connsiteY3" fmla="*/ 492101 h 867883"/>
                  <a:gd name="connsiteX4" fmla="*/ 462501 w 751563"/>
                  <a:gd name="connsiteY4" fmla="*/ 480358 h 867883"/>
                  <a:gd name="connsiteX5" fmla="*/ 462501 w 751563"/>
                  <a:gd name="connsiteY5" fmla="*/ 476745 h 867883"/>
                  <a:gd name="connsiteX6" fmla="*/ 476954 w 751563"/>
                  <a:gd name="connsiteY6" fmla="*/ 476745 h 867883"/>
                  <a:gd name="connsiteX7" fmla="*/ 491407 w 751563"/>
                  <a:gd name="connsiteY7" fmla="*/ 462292 h 867883"/>
                  <a:gd name="connsiteX8" fmla="*/ 491407 w 751563"/>
                  <a:gd name="connsiteY8" fmla="*/ 404479 h 867883"/>
                  <a:gd name="connsiteX9" fmla="*/ 476954 w 751563"/>
                  <a:gd name="connsiteY9" fmla="*/ 390026 h 867883"/>
                  <a:gd name="connsiteX10" fmla="*/ 462501 w 751563"/>
                  <a:gd name="connsiteY10" fmla="*/ 390026 h 867883"/>
                  <a:gd name="connsiteX11" fmla="*/ 462501 w 751563"/>
                  <a:gd name="connsiteY11" fmla="*/ 384606 h 867883"/>
                  <a:gd name="connsiteX12" fmla="*/ 558253 w 751563"/>
                  <a:gd name="connsiteY12" fmla="*/ 115416 h 867883"/>
                  <a:gd name="connsiteX13" fmla="*/ 289063 w 751563"/>
                  <a:gd name="connsiteY13" fmla="*/ 19664 h 867883"/>
                  <a:gd name="connsiteX14" fmla="*/ 193310 w 751563"/>
                  <a:gd name="connsiteY14" fmla="*/ 288854 h 867883"/>
                  <a:gd name="connsiteX15" fmla="*/ 289063 w 751563"/>
                  <a:gd name="connsiteY15" fmla="*/ 384606 h 867883"/>
                  <a:gd name="connsiteX16" fmla="*/ 289063 w 751563"/>
                  <a:gd name="connsiteY16" fmla="*/ 390026 h 867883"/>
                  <a:gd name="connsiteX17" fmla="*/ 274609 w 751563"/>
                  <a:gd name="connsiteY17" fmla="*/ 390026 h 867883"/>
                  <a:gd name="connsiteX18" fmla="*/ 260156 w 751563"/>
                  <a:gd name="connsiteY18" fmla="*/ 404479 h 867883"/>
                  <a:gd name="connsiteX19" fmla="*/ 260156 w 751563"/>
                  <a:gd name="connsiteY19" fmla="*/ 462292 h 867883"/>
                  <a:gd name="connsiteX20" fmla="*/ 274609 w 751563"/>
                  <a:gd name="connsiteY20" fmla="*/ 476745 h 867883"/>
                  <a:gd name="connsiteX21" fmla="*/ 289063 w 751563"/>
                  <a:gd name="connsiteY21" fmla="*/ 476745 h 867883"/>
                  <a:gd name="connsiteX22" fmla="*/ 289063 w 751563"/>
                  <a:gd name="connsiteY22" fmla="*/ 480358 h 867883"/>
                  <a:gd name="connsiteX23" fmla="*/ 242090 w 751563"/>
                  <a:gd name="connsiteY23" fmla="*/ 492101 h 867883"/>
                  <a:gd name="connsiteX24" fmla="*/ 231250 w 751563"/>
                  <a:gd name="connsiteY24" fmla="*/ 509265 h 867883"/>
                  <a:gd name="connsiteX25" fmla="*/ 232154 w 751563"/>
                  <a:gd name="connsiteY25" fmla="*/ 512878 h 867883"/>
                  <a:gd name="connsiteX26" fmla="*/ 98462 w 751563"/>
                  <a:gd name="connsiteY26" fmla="*/ 546301 h 867883"/>
                  <a:gd name="connsiteX27" fmla="*/ 0 w 751563"/>
                  <a:gd name="connsiteY27" fmla="*/ 672766 h 867883"/>
                  <a:gd name="connsiteX28" fmla="*/ 0 w 751563"/>
                  <a:gd name="connsiteY28" fmla="*/ 853430 h 867883"/>
                  <a:gd name="connsiteX29" fmla="*/ 14453 w 751563"/>
                  <a:gd name="connsiteY29" fmla="*/ 867883 h 867883"/>
                  <a:gd name="connsiteX30" fmla="*/ 737110 w 751563"/>
                  <a:gd name="connsiteY30" fmla="*/ 867883 h 867883"/>
                  <a:gd name="connsiteX31" fmla="*/ 751564 w 751563"/>
                  <a:gd name="connsiteY31" fmla="*/ 853430 h 867883"/>
                  <a:gd name="connsiteX32" fmla="*/ 751564 w 751563"/>
                  <a:gd name="connsiteY32" fmla="*/ 672766 h 867883"/>
                  <a:gd name="connsiteX33" fmla="*/ 653101 w 751563"/>
                  <a:gd name="connsiteY33" fmla="*/ 546301 h 867883"/>
                  <a:gd name="connsiteX34" fmla="*/ 488697 w 751563"/>
                  <a:gd name="connsiteY34" fmla="*/ 517394 h 867883"/>
                  <a:gd name="connsiteX35" fmla="*/ 475147 w 751563"/>
                  <a:gd name="connsiteY35" fmla="*/ 582433 h 867883"/>
                  <a:gd name="connsiteX36" fmla="*/ 401978 w 751563"/>
                  <a:gd name="connsiteY36" fmla="*/ 558044 h 867883"/>
                  <a:gd name="connsiteX37" fmla="*/ 451661 w 751563"/>
                  <a:gd name="connsiteY37" fmla="*/ 508361 h 867883"/>
                  <a:gd name="connsiteX38" fmla="*/ 488697 w 751563"/>
                  <a:gd name="connsiteY38" fmla="*/ 517394 h 867883"/>
                  <a:gd name="connsiteX39" fmla="*/ 375782 w 751563"/>
                  <a:gd name="connsiteY39" fmla="*/ 544494 h 867883"/>
                  <a:gd name="connsiteX40" fmla="*/ 317969 w 751563"/>
                  <a:gd name="connsiteY40" fmla="*/ 486682 h 867883"/>
                  <a:gd name="connsiteX41" fmla="*/ 317969 w 751563"/>
                  <a:gd name="connsiteY41" fmla="*/ 478551 h 867883"/>
                  <a:gd name="connsiteX42" fmla="*/ 433594 w 751563"/>
                  <a:gd name="connsiteY42" fmla="*/ 478551 h 867883"/>
                  <a:gd name="connsiteX43" fmla="*/ 433594 w 751563"/>
                  <a:gd name="connsiteY43" fmla="*/ 486682 h 867883"/>
                  <a:gd name="connsiteX44" fmla="*/ 375782 w 751563"/>
                  <a:gd name="connsiteY44" fmla="*/ 544494 h 867883"/>
                  <a:gd name="connsiteX45" fmla="*/ 395655 w 751563"/>
                  <a:gd name="connsiteY45" fmla="*/ 614953 h 867883"/>
                  <a:gd name="connsiteX46" fmla="*/ 376685 w 751563"/>
                  <a:gd name="connsiteY46" fmla="*/ 621276 h 867883"/>
                  <a:gd name="connsiteX47" fmla="*/ 356812 w 751563"/>
                  <a:gd name="connsiteY47" fmla="*/ 614953 h 867883"/>
                  <a:gd name="connsiteX48" fmla="*/ 359522 w 751563"/>
                  <a:gd name="connsiteY48" fmla="*/ 585143 h 867883"/>
                  <a:gd name="connsiteX49" fmla="*/ 375782 w 751563"/>
                  <a:gd name="connsiteY49" fmla="*/ 579724 h 867883"/>
                  <a:gd name="connsiteX50" fmla="*/ 392041 w 751563"/>
                  <a:gd name="connsiteY50" fmla="*/ 585143 h 867883"/>
                  <a:gd name="connsiteX51" fmla="*/ 395655 w 751563"/>
                  <a:gd name="connsiteY51" fmla="*/ 614953 h 867883"/>
                  <a:gd name="connsiteX52" fmla="*/ 202344 w 751563"/>
                  <a:gd name="connsiteY52" fmla="*/ 203038 h 867883"/>
                  <a:gd name="connsiteX53" fmla="*/ 375782 w 751563"/>
                  <a:gd name="connsiteY53" fmla="*/ 29601 h 867883"/>
                  <a:gd name="connsiteX54" fmla="*/ 549219 w 751563"/>
                  <a:gd name="connsiteY54" fmla="*/ 203038 h 867883"/>
                  <a:gd name="connsiteX55" fmla="*/ 442628 w 751563"/>
                  <a:gd name="connsiteY55" fmla="*/ 362926 h 867883"/>
                  <a:gd name="connsiteX56" fmla="*/ 433594 w 751563"/>
                  <a:gd name="connsiteY56" fmla="*/ 376476 h 867883"/>
                  <a:gd name="connsiteX57" fmla="*/ 433594 w 751563"/>
                  <a:gd name="connsiteY57" fmla="*/ 390929 h 867883"/>
                  <a:gd name="connsiteX58" fmla="*/ 317969 w 751563"/>
                  <a:gd name="connsiteY58" fmla="*/ 390929 h 867883"/>
                  <a:gd name="connsiteX59" fmla="*/ 317969 w 751563"/>
                  <a:gd name="connsiteY59" fmla="*/ 376476 h 867883"/>
                  <a:gd name="connsiteX60" fmla="*/ 308936 w 751563"/>
                  <a:gd name="connsiteY60" fmla="*/ 362926 h 867883"/>
                  <a:gd name="connsiteX61" fmla="*/ 202344 w 751563"/>
                  <a:gd name="connsiteY61" fmla="*/ 203038 h 867883"/>
                  <a:gd name="connsiteX62" fmla="*/ 289063 w 751563"/>
                  <a:gd name="connsiteY62" fmla="*/ 419836 h 867883"/>
                  <a:gd name="connsiteX63" fmla="*/ 462501 w 751563"/>
                  <a:gd name="connsiteY63" fmla="*/ 419836 h 867883"/>
                  <a:gd name="connsiteX64" fmla="*/ 462501 w 751563"/>
                  <a:gd name="connsiteY64" fmla="*/ 448742 h 867883"/>
                  <a:gd name="connsiteX65" fmla="*/ 289063 w 751563"/>
                  <a:gd name="connsiteY65" fmla="*/ 448742 h 867883"/>
                  <a:gd name="connsiteX66" fmla="*/ 289063 w 751563"/>
                  <a:gd name="connsiteY66" fmla="*/ 419836 h 867883"/>
                  <a:gd name="connsiteX67" fmla="*/ 298999 w 751563"/>
                  <a:gd name="connsiteY67" fmla="*/ 508361 h 867883"/>
                  <a:gd name="connsiteX68" fmla="*/ 348682 w 751563"/>
                  <a:gd name="connsiteY68" fmla="*/ 558044 h 867883"/>
                  <a:gd name="connsiteX69" fmla="*/ 275513 w 751563"/>
                  <a:gd name="connsiteY69" fmla="*/ 582433 h 867883"/>
                  <a:gd name="connsiteX70" fmla="*/ 261963 w 751563"/>
                  <a:gd name="connsiteY70" fmla="*/ 517394 h 867883"/>
                  <a:gd name="connsiteX71" fmla="*/ 298999 w 751563"/>
                  <a:gd name="connsiteY71" fmla="*/ 508361 h 867883"/>
                  <a:gd name="connsiteX72" fmla="*/ 173438 w 751563"/>
                  <a:gd name="connsiteY72" fmla="*/ 838977 h 867883"/>
                  <a:gd name="connsiteX73" fmla="*/ 173438 w 751563"/>
                  <a:gd name="connsiteY73" fmla="*/ 708898 h 867883"/>
                  <a:gd name="connsiteX74" fmla="*/ 158984 w 751563"/>
                  <a:gd name="connsiteY74" fmla="*/ 694445 h 867883"/>
                  <a:gd name="connsiteX75" fmla="*/ 144531 w 751563"/>
                  <a:gd name="connsiteY75" fmla="*/ 708898 h 867883"/>
                  <a:gd name="connsiteX76" fmla="*/ 144531 w 751563"/>
                  <a:gd name="connsiteY76" fmla="*/ 838977 h 867883"/>
                  <a:gd name="connsiteX77" fmla="*/ 28906 w 751563"/>
                  <a:gd name="connsiteY77" fmla="*/ 838977 h 867883"/>
                  <a:gd name="connsiteX78" fmla="*/ 28906 w 751563"/>
                  <a:gd name="connsiteY78" fmla="*/ 672766 h 867883"/>
                  <a:gd name="connsiteX79" fmla="*/ 105689 w 751563"/>
                  <a:gd name="connsiteY79" fmla="*/ 574304 h 867883"/>
                  <a:gd name="connsiteX80" fmla="*/ 225830 w 751563"/>
                  <a:gd name="connsiteY80" fmla="*/ 544494 h 867883"/>
                  <a:gd name="connsiteX81" fmla="*/ 176148 w 751563"/>
                  <a:gd name="connsiteY81" fmla="*/ 614050 h 867883"/>
                  <a:gd name="connsiteX82" fmla="*/ 177954 w 751563"/>
                  <a:gd name="connsiteY82" fmla="*/ 633020 h 867883"/>
                  <a:gd name="connsiteX83" fmla="*/ 225830 w 751563"/>
                  <a:gd name="connsiteY83" fmla="*/ 680896 h 867883"/>
                  <a:gd name="connsiteX84" fmla="*/ 206860 w 751563"/>
                  <a:gd name="connsiteY84" fmla="*/ 699865 h 867883"/>
                  <a:gd name="connsiteX85" fmla="*/ 203247 w 751563"/>
                  <a:gd name="connsiteY85" fmla="*/ 714319 h 867883"/>
                  <a:gd name="connsiteX86" fmla="*/ 241187 w 751563"/>
                  <a:gd name="connsiteY86" fmla="*/ 839880 h 867883"/>
                  <a:gd name="connsiteX87" fmla="*/ 173438 w 751563"/>
                  <a:gd name="connsiteY87" fmla="*/ 839880 h 867883"/>
                  <a:gd name="connsiteX88" fmla="*/ 270996 w 751563"/>
                  <a:gd name="connsiteY88" fmla="*/ 838977 h 867883"/>
                  <a:gd name="connsiteX89" fmla="*/ 233057 w 751563"/>
                  <a:gd name="connsiteY89" fmla="*/ 712512 h 867883"/>
                  <a:gd name="connsiteX90" fmla="*/ 255640 w 751563"/>
                  <a:gd name="connsiteY90" fmla="*/ 689929 h 867883"/>
                  <a:gd name="connsiteX91" fmla="*/ 255640 w 751563"/>
                  <a:gd name="connsiteY91" fmla="*/ 669153 h 867883"/>
                  <a:gd name="connsiteX92" fmla="*/ 206860 w 751563"/>
                  <a:gd name="connsiteY92" fmla="*/ 620373 h 867883"/>
                  <a:gd name="connsiteX93" fmla="*/ 243897 w 751563"/>
                  <a:gd name="connsiteY93" fmla="*/ 568884 h 867883"/>
                  <a:gd name="connsiteX94" fmla="*/ 299903 w 751563"/>
                  <a:gd name="connsiteY94" fmla="*/ 838977 h 867883"/>
                  <a:gd name="connsiteX95" fmla="*/ 270996 w 751563"/>
                  <a:gd name="connsiteY95" fmla="*/ 838977 h 867883"/>
                  <a:gd name="connsiteX96" fmla="*/ 313453 w 751563"/>
                  <a:gd name="connsiteY96" fmla="*/ 758581 h 867883"/>
                  <a:gd name="connsiteX97" fmla="*/ 282740 w 751563"/>
                  <a:gd name="connsiteY97" fmla="*/ 611340 h 867883"/>
                  <a:gd name="connsiteX98" fmla="*/ 329712 w 751563"/>
                  <a:gd name="connsiteY98" fmla="*/ 595983 h 867883"/>
                  <a:gd name="connsiteX99" fmla="*/ 313453 w 751563"/>
                  <a:gd name="connsiteY99" fmla="*/ 758581 h 867883"/>
                  <a:gd name="connsiteX100" fmla="*/ 334229 w 751563"/>
                  <a:gd name="connsiteY100" fmla="*/ 838977 h 867883"/>
                  <a:gd name="connsiteX101" fmla="*/ 353198 w 751563"/>
                  <a:gd name="connsiteY101" fmla="*/ 644763 h 867883"/>
                  <a:gd name="connsiteX102" fmla="*/ 371265 w 751563"/>
                  <a:gd name="connsiteY102" fmla="*/ 651086 h 867883"/>
                  <a:gd name="connsiteX103" fmla="*/ 375782 w 751563"/>
                  <a:gd name="connsiteY103" fmla="*/ 651989 h 867883"/>
                  <a:gd name="connsiteX104" fmla="*/ 380298 w 751563"/>
                  <a:gd name="connsiteY104" fmla="*/ 651086 h 867883"/>
                  <a:gd name="connsiteX105" fmla="*/ 398365 w 751563"/>
                  <a:gd name="connsiteY105" fmla="*/ 644763 h 867883"/>
                  <a:gd name="connsiteX106" fmla="*/ 417335 w 751563"/>
                  <a:gd name="connsiteY106" fmla="*/ 838977 h 867883"/>
                  <a:gd name="connsiteX107" fmla="*/ 334229 w 751563"/>
                  <a:gd name="connsiteY107" fmla="*/ 838977 h 867883"/>
                  <a:gd name="connsiteX108" fmla="*/ 422754 w 751563"/>
                  <a:gd name="connsiteY108" fmla="*/ 595080 h 867883"/>
                  <a:gd name="connsiteX109" fmla="*/ 469727 w 751563"/>
                  <a:gd name="connsiteY109" fmla="*/ 610437 h 867883"/>
                  <a:gd name="connsiteX110" fmla="*/ 439014 w 751563"/>
                  <a:gd name="connsiteY110" fmla="*/ 758581 h 867883"/>
                  <a:gd name="connsiteX111" fmla="*/ 422754 w 751563"/>
                  <a:gd name="connsiteY111" fmla="*/ 595080 h 867883"/>
                  <a:gd name="connsiteX112" fmla="*/ 451661 w 751563"/>
                  <a:gd name="connsiteY112" fmla="*/ 838977 h 867883"/>
                  <a:gd name="connsiteX113" fmla="*/ 507667 w 751563"/>
                  <a:gd name="connsiteY113" fmla="*/ 568884 h 867883"/>
                  <a:gd name="connsiteX114" fmla="*/ 544703 w 751563"/>
                  <a:gd name="connsiteY114" fmla="*/ 620373 h 867883"/>
                  <a:gd name="connsiteX115" fmla="*/ 495923 w 751563"/>
                  <a:gd name="connsiteY115" fmla="*/ 669153 h 867883"/>
                  <a:gd name="connsiteX116" fmla="*/ 495923 w 751563"/>
                  <a:gd name="connsiteY116" fmla="*/ 689929 h 867883"/>
                  <a:gd name="connsiteX117" fmla="*/ 518506 w 751563"/>
                  <a:gd name="connsiteY117" fmla="*/ 712512 h 867883"/>
                  <a:gd name="connsiteX118" fmla="*/ 480567 w 751563"/>
                  <a:gd name="connsiteY118" fmla="*/ 838977 h 867883"/>
                  <a:gd name="connsiteX119" fmla="*/ 451661 w 751563"/>
                  <a:gd name="connsiteY119" fmla="*/ 838977 h 867883"/>
                  <a:gd name="connsiteX120" fmla="*/ 722657 w 751563"/>
                  <a:gd name="connsiteY120" fmla="*/ 838977 h 867883"/>
                  <a:gd name="connsiteX121" fmla="*/ 607032 w 751563"/>
                  <a:gd name="connsiteY121" fmla="*/ 838977 h 867883"/>
                  <a:gd name="connsiteX122" fmla="*/ 607032 w 751563"/>
                  <a:gd name="connsiteY122" fmla="*/ 708898 h 867883"/>
                  <a:gd name="connsiteX123" fmla="*/ 592579 w 751563"/>
                  <a:gd name="connsiteY123" fmla="*/ 694445 h 867883"/>
                  <a:gd name="connsiteX124" fmla="*/ 578126 w 751563"/>
                  <a:gd name="connsiteY124" fmla="*/ 708898 h 867883"/>
                  <a:gd name="connsiteX125" fmla="*/ 578126 w 751563"/>
                  <a:gd name="connsiteY125" fmla="*/ 838977 h 867883"/>
                  <a:gd name="connsiteX126" fmla="*/ 510377 w 751563"/>
                  <a:gd name="connsiteY126" fmla="*/ 838977 h 867883"/>
                  <a:gd name="connsiteX127" fmla="*/ 548316 w 751563"/>
                  <a:gd name="connsiteY127" fmla="*/ 713415 h 867883"/>
                  <a:gd name="connsiteX128" fmla="*/ 544703 w 751563"/>
                  <a:gd name="connsiteY128" fmla="*/ 698962 h 867883"/>
                  <a:gd name="connsiteX129" fmla="*/ 525733 w 751563"/>
                  <a:gd name="connsiteY129" fmla="*/ 679992 h 867883"/>
                  <a:gd name="connsiteX130" fmla="*/ 573609 w 751563"/>
                  <a:gd name="connsiteY130" fmla="*/ 632116 h 867883"/>
                  <a:gd name="connsiteX131" fmla="*/ 575416 w 751563"/>
                  <a:gd name="connsiteY131" fmla="*/ 613147 h 867883"/>
                  <a:gd name="connsiteX132" fmla="*/ 525733 w 751563"/>
                  <a:gd name="connsiteY132" fmla="*/ 543591 h 867883"/>
                  <a:gd name="connsiteX133" fmla="*/ 645875 w 751563"/>
                  <a:gd name="connsiteY133" fmla="*/ 573400 h 867883"/>
                  <a:gd name="connsiteX134" fmla="*/ 722657 w 751563"/>
                  <a:gd name="connsiteY134" fmla="*/ 671862 h 867883"/>
                  <a:gd name="connsiteX135" fmla="*/ 722657 w 751563"/>
                  <a:gd name="connsiteY135" fmla="*/ 838977 h 86788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Lst>
                <a:rect l="l" t="t" r="r" b="b"/>
                <a:pathLst>
                  <a:path w="751563" h="867883">
                    <a:moveTo>
                      <a:pt x="653101" y="546301"/>
                    </a:moveTo>
                    <a:lnTo>
                      <a:pt x="519410" y="512878"/>
                    </a:lnTo>
                    <a:lnTo>
                      <a:pt x="520313" y="509265"/>
                    </a:lnTo>
                    <a:cubicBezTo>
                      <a:pt x="522120" y="502038"/>
                      <a:pt x="517603" y="493908"/>
                      <a:pt x="509473" y="492101"/>
                    </a:cubicBezTo>
                    <a:lnTo>
                      <a:pt x="462501" y="480358"/>
                    </a:lnTo>
                    <a:lnTo>
                      <a:pt x="462501" y="476745"/>
                    </a:lnTo>
                    <a:lnTo>
                      <a:pt x="476954" y="476745"/>
                    </a:lnTo>
                    <a:cubicBezTo>
                      <a:pt x="485084" y="476745"/>
                      <a:pt x="491407" y="470422"/>
                      <a:pt x="491407" y="462292"/>
                    </a:cubicBezTo>
                    <a:lnTo>
                      <a:pt x="491407" y="404479"/>
                    </a:lnTo>
                    <a:cubicBezTo>
                      <a:pt x="491407" y="396349"/>
                      <a:pt x="485084" y="390026"/>
                      <a:pt x="476954" y="390026"/>
                    </a:cubicBezTo>
                    <a:lnTo>
                      <a:pt x="462501" y="390026"/>
                    </a:lnTo>
                    <a:lnTo>
                      <a:pt x="462501" y="384606"/>
                    </a:lnTo>
                    <a:cubicBezTo>
                      <a:pt x="563672" y="336730"/>
                      <a:pt x="606129" y="215685"/>
                      <a:pt x="558253" y="115416"/>
                    </a:cubicBezTo>
                    <a:cubicBezTo>
                      <a:pt x="510377" y="14244"/>
                      <a:pt x="389331" y="-28212"/>
                      <a:pt x="289063" y="19664"/>
                    </a:cubicBezTo>
                    <a:cubicBezTo>
                      <a:pt x="187891" y="67540"/>
                      <a:pt x="145435" y="188585"/>
                      <a:pt x="193310" y="288854"/>
                    </a:cubicBezTo>
                    <a:cubicBezTo>
                      <a:pt x="213184" y="331310"/>
                      <a:pt x="247510" y="364733"/>
                      <a:pt x="289063" y="384606"/>
                    </a:cubicBezTo>
                    <a:lnTo>
                      <a:pt x="289063" y="390026"/>
                    </a:lnTo>
                    <a:lnTo>
                      <a:pt x="274609" y="390026"/>
                    </a:lnTo>
                    <a:cubicBezTo>
                      <a:pt x="266480" y="390026"/>
                      <a:pt x="260156" y="396349"/>
                      <a:pt x="260156" y="404479"/>
                    </a:cubicBezTo>
                    <a:lnTo>
                      <a:pt x="260156" y="462292"/>
                    </a:lnTo>
                    <a:cubicBezTo>
                      <a:pt x="260156" y="470422"/>
                      <a:pt x="266480" y="476745"/>
                      <a:pt x="274609" y="476745"/>
                    </a:cubicBezTo>
                    <a:lnTo>
                      <a:pt x="289063" y="476745"/>
                    </a:lnTo>
                    <a:lnTo>
                      <a:pt x="289063" y="480358"/>
                    </a:lnTo>
                    <a:lnTo>
                      <a:pt x="242090" y="492101"/>
                    </a:lnTo>
                    <a:cubicBezTo>
                      <a:pt x="234864" y="493908"/>
                      <a:pt x="229443" y="501134"/>
                      <a:pt x="231250" y="509265"/>
                    </a:cubicBezTo>
                    <a:lnTo>
                      <a:pt x="232154" y="512878"/>
                    </a:lnTo>
                    <a:lnTo>
                      <a:pt x="98462" y="546301"/>
                    </a:lnTo>
                    <a:cubicBezTo>
                      <a:pt x="40649" y="560754"/>
                      <a:pt x="0" y="613147"/>
                      <a:pt x="0" y="672766"/>
                    </a:cubicBezTo>
                    <a:lnTo>
                      <a:pt x="0" y="853430"/>
                    </a:lnTo>
                    <a:cubicBezTo>
                      <a:pt x="0" y="861560"/>
                      <a:pt x="6323" y="867883"/>
                      <a:pt x="14453" y="867883"/>
                    </a:cubicBezTo>
                    <a:lnTo>
                      <a:pt x="737110" y="867883"/>
                    </a:lnTo>
                    <a:cubicBezTo>
                      <a:pt x="745240" y="867883"/>
                      <a:pt x="751564" y="861560"/>
                      <a:pt x="751564" y="853430"/>
                    </a:cubicBezTo>
                    <a:lnTo>
                      <a:pt x="751564" y="672766"/>
                    </a:lnTo>
                    <a:cubicBezTo>
                      <a:pt x="751564" y="613147"/>
                      <a:pt x="710914" y="560754"/>
                      <a:pt x="653101" y="546301"/>
                    </a:cubicBezTo>
                    <a:close/>
                    <a:moveTo>
                      <a:pt x="488697" y="517394"/>
                    </a:moveTo>
                    <a:lnTo>
                      <a:pt x="475147" y="582433"/>
                    </a:lnTo>
                    <a:lnTo>
                      <a:pt x="401978" y="558044"/>
                    </a:lnTo>
                    <a:lnTo>
                      <a:pt x="451661" y="508361"/>
                    </a:lnTo>
                    <a:lnTo>
                      <a:pt x="488697" y="517394"/>
                    </a:lnTo>
                    <a:close/>
                    <a:moveTo>
                      <a:pt x="375782" y="544494"/>
                    </a:moveTo>
                    <a:lnTo>
                      <a:pt x="317969" y="486682"/>
                    </a:lnTo>
                    <a:lnTo>
                      <a:pt x="317969" y="478551"/>
                    </a:lnTo>
                    <a:lnTo>
                      <a:pt x="433594" y="478551"/>
                    </a:lnTo>
                    <a:lnTo>
                      <a:pt x="433594" y="486682"/>
                    </a:lnTo>
                    <a:lnTo>
                      <a:pt x="375782" y="544494"/>
                    </a:lnTo>
                    <a:close/>
                    <a:moveTo>
                      <a:pt x="395655" y="614953"/>
                    </a:moveTo>
                    <a:lnTo>
                      <a:pt x="376685" y="621276"/>
                    </a:lnTo>
                    <a:lnTo>
                      <a:pt x="356812" y="614953"/>
                    </a:lnTo>
                    <a:lnTo>
                      <a:pt x="359522" y="585143"/>
                    </a:lnTo>
                    <a:lnTo>
                      <a:pt x="375782" y="579724"/>
                    </a:lnTo>
                    <a:lnTo>
                      <a:pt x="392041" y="585143"/>
                    </a:lnTo>
                    <a:lnTo>
                      <a:pt x="395655" y="614953"/>
                    </a:lnTo>
                    <a:close/>
                    <a:moveTo>
                      <a:pt x="202344" y="203038"/>
                    </a:moveTo>
                    <a:cubicBezTo>
                      <a:pt x="202344" y="107286"/>
                      <a:pt x="280030" y="29601"/>
                      <a:pt x="375782" y="29601"/>
                    </a:cubicBezTo>
                    <a:cubicBezTo>
                      <a:pt x="471534" y="29601"/>
                      <a:pt x="549219" y="107286"/>
                      <a:pt x="549219" y="203038"/>
                    </a:cubicBezTo>
                    <a:cubicBezTo>
                      <a:pt x="549219" y="272594"/>
                      <a:pt x="506763" y="335827"/>
                      <a:pt x="442628" y="362926"/>
                    </a:cubicBezTo>
                    <a:cubicBezTo>
                      <a:pt x="437207" y="364733"/>
                      <a:pt x="433594" y="370153"/>
                      <a:pt x="433594" y="376476"/>
                    </a:cubicBezTo>
                    <a:lnTo>
                      <a:pt x="433594" y="390929"/>
                    </a:lnTo>
                    <a:lnTo>
                      <a:pt x="317969" y="390929"/>
                    </a:lnTo>
                    <a:lnTo>
                      <a:pt x="317969" y="376476"/>
                    </a:lnTo>
                    <a:cubicBezTo>
                      <a:pt x="317969" y="371056"/>
                      <a:pt x="314356" y="365636"/>
                      <a:pt x="308936" y="362926"/>
                    </a:cubicBezTo>
                    <a:cubicBezTo>
                      <a:pt x="244800" y="336730"/>
                      <a:pt x="202344" y="273497"/>
                      <a:pt x="202344" y="203038"/>
                    </a:cubicBezTo>
                    <a:close/>
                    <a:moveTo>
                      <a:pt x="289063" y="419836"/>
                    </a:moveTo>
                    <a:lnTo>
                      <a:pt x="462501" y="419836"/>
                    </a:lnTo>
                    <a:lnTo>
                      <a:pt x="462501" y="448742"/>
                    </a:lnTo>
                    <a:lnTo>
                      <a:pt x="289063" y="448742"/>
                    </a:lnTo>
                    <a:lnTo>
                      <a:pt x="289063" y="419836"/>
                    </a:lnTo>
                    <a:close/>
                    <a:moveTo>
                      <a:pt x="298999" y="508361"/>
                    </a:moveTo>
                    <a:lnTo>
                      <a:pt x="348682" y="558044"/>
                    </a:lnTo>
                    <a:lnTo>
                      <a:pt x="275513" y="582433"/>
                    </a:lnTo>
                    <a:lnTo>
                      <a:pt x="261963" y="517394"/>
                    </a:lnTo>
                    <a:lnTo>
                      <a:pt x="298999" y="508361"/>
                    </a:lnTo>
                    <a:close/>
                    <a:moveTo>
                      <a:pt x="173438" y="838977"/>
                    </a:moveTo>
                    <a:lnTo>
                      <a:pt x="173438" y="708898"/>
                    </a:lnTo>
                    <a:cubicBezTo>
                      <a:pt x="173438" y="700769"/>
                      <a:pt x="167114" y="694445"/>
                      <a:pt x="158984" y="694445"/>
                    </a:cubicBezTo>
                    <a:cubicBezTo>
                      <a:pt x="150855" y="694445"/>
                      <a:pt x="144531" y="700769"/>
                      <a:pt x="144531" y="708898"/>
                    </a:cubicBezTo>
                    <a:lnTo>
                      <a:pt x="144531" y="838977"/>
                    </a:lnTo>
                    <a:lnTo>
                      <a:pt x="28906" y="838977"/>
                    </a:lnTo>
                    <a:lnTo>
                      <a:pt x="28906" y="672766"/>
                    </a:lnTo>
                    <a:cubicBezTo>
                      <a:pt x="28906" y="626696"/>
                      <a:pt x="60523" y="586047"/>
                      <a:pt x="105689" y="574304"/>
                    </a:cubicBezTo>
                    <a:lnTo>
                      <a:pt x="225830" y="544494"/>
                    </a:lnTo>
                    <a:lnTo>
                      <a:pt x="176148" y="614050"/>
                    </a:lnTo>
                    <a:cubicBezTo>
                      <a:pt x="171631" y="619470"/>
                      <a:pt x="172534" y="627599"/>
                      <a:pt x="177954" y="633020"/>
                    </a:cubicBezTo>
                    <a:lnTo>
                      <a:pt x="225830" y="680896"/>
                    </a:lnTo>
                    <a:lnTo>
                      <a:pt x="206860" y="699865"/>
                    </a:lnTo>
                    <a:cubicBezTo>
                      <a:pt x="203247" y="703479"/>
                      <a:pt x="201441" y="708898"/>
                      <a:pt x="203247" y="714319"/>
                    </a:cubicBezTo>
                    <a:lnTo>
                      <a:pt x="241187" y="839880"/>
                    </a:lnTo>
                    <a:lnTo>
                      <a:pt x="173438" y="839880"/>
                    </a:lnTo>
                    <a:close/>
                    <a:moveTo>
                      <a:pt x="270996" y="838977"/>
                    </a:moveTo>
                    <a:lnTo>
                      <a:pt x="233057" y="712512"/>
                    </a:lnTo>
                    <a:lnTo>
                      <a:pt x="255640" y="689929"/>
                    </a:lnTo>
                    <a:cubicBezTo>
                      <a:pt x="261060" y="684509"/>
                      <a:pt x="261060" y="675475"/>
                      <a:pt x="255640" y="669153"/>
                    </a:cubicBezTo>
                    <a:lnTo>
                      <a:pt x="206860" y="620373"/>
                    </a:lnTo>
                    <a:lnTo>
                      <a:pt x="243897" y="568884"/>
                    </a:lnTo>
                    <a:lnTo>
                      <a:pt x="299903" y="838977"/>
                    </a:lnTo>
                    <a:lnTo>
                      <a:pt x="270996" y="838977"/>
                    </a:lnTo>
                    <a:close/>
                    <a:moveTo>
                      <a:pt x="313453" y="758581"/>
                    </a:moveTo>
                    <a:lnTo>
                      <a:pt x="282740" y="611340"/>
                    </a:lnTo>
                    <a:lnTo>
                      <a:pt x="329712" y="595983"/>
                    </a:lnTo>
                    <a:lnTo>
                      <a:pt x="313453" y="758581"/>
                    </a:lnTo>
                    <a:close/>
                    <a:moveTo>
                      <a:pt x="334229" y="838977"/>
                    </a:moveTo>
                    <a:lnTo>
                      <a:pt x="353198" y="644763"/>
                    </a:lnTo>
                    <a:lnTo>
                      <a:pt x="371265" y="651086"/>
                    </a:lnTo>
                    <a:cubicBezTo>
                      <a:pt x="373072" y="651086"/>
                      <a:pt x="373975" y="651989"/>
                      <a:pt x="375782" y="651989"/>
                    </a:cubicBezTo>
                    <a:cubicBezTo>
                      <a:pt x="377588" y="651989"/>
                      <a:pt x="378491" y="651989"/>
                      <a:pt x="380298" y="651086"/>
                    </a:cubicBezTo>
                    <a:lnTo>
                      <a:pt x="398365" y="644763"/>
                    </a:lnTo>
                    <a:lnTo>
                      <a:pt x="417335" y="838977"/>
                    </a:lnTo>
                    <a:lnTo>
                      <a:pt x="334229" y="838977"/>
                    </a:lnTo>
                    <a:close/>
                    <a:moveTo>
                      <a:pt x="422754" y="595080"/>
                    </a:moveTo>
                    <a:lnTo>
                      <a:pt x="469727" y="610437"/>
                    </a:lnTo>
                    <a:lnTo>
                      <a:pt x="439014" y="758581"/>
                    </a:lnTo>
                    <a:lnTo>
                      <a:pt x="422754" y="595080"/>
                    </a:lnTo>
                    <a:close/>
                    <a:moveTo>
                      <a:pt x="451661" y="838977"/>
                    </a:moveTo>
                    <a:lnTo>
                      <a:pt x="507667" y="568884"/>
                    </a:lnTo>
                    <a:lnTo>
                      <a:pt x="544703" y="620373"/>
                    </a:lnTo>
                    <a:lnTo>
                      <a:pt x="495923" y="669153"/>
                    </a:lnTo>
                    <a:cubicBezTo>
                      <a:pt x="490503" y="674572"/>
                      <a:pt x="490503" y="683606"/>
                      <a:pt x="495923" y="689929"/>
                    </a:cubicBezTo>
                    <a:lnTo>
                      <a:pt x="518506" y="712512"/>
                    </a:lnTo>
                    <a:lnTo>
                      <a:pt x="480567" y="838977"/>
                    </a:lnTo>
                    <a:lnTo>
                      <a:pt x="451661" y="838977"/>
                    </a:lnTo>
                    <a:close/>
                    <a:moveTo>
                      <a:pt x="722657" y="838977"/>
                    </a:moveTo>
                    <a:lnTo>
                      <a:pt x="607032" y="838977"/>
                    </a:lnTo>
                    <a:lnTo>
                      <a:pt x="607032" y="708898"/>
                    </a:lnTo>
                    <a:cubicBezTo>
                      <a:pt x="607032" y="700769"/>
                      <a:pt x="600709" y="694445"/>
                      <a:pt x="592579" y="694445"/>
                    </a:cubicBezTo>
                    <a:cubicBezTo>
                      <a:pt x="584449" y="694445"/>
                      <a:pt x="578126" y="700769"/>
                      <a:pt x="578126" y="708898"/>
                    </a:cubicBezTo>
                    <a:lnTo>
                      <a:pt x="578126" y="838977"/>
                    </a:lnTo>
                    <a:lnTo>
                      <a:pt x="510377" y="838977"/>
                    </a:lnTo>
                    <a:lnTo>
                      <a:pt x="548316" y="713415"/>
                    </a:lnTo>
                    <a:cubicBezTo>
                      <a:pt x="550122" y="707995"/>
                      <a:pt x="548316" y="702575"/>
                      <a:pt x="544703" y="698962"/>
                    </a:cubicBezTo>
                    <a:lnTo>
                      <a:pt x="525733" y="679992"/>
                    </a:lnTo>
                    <a:lnTo>
                      <a:pt x="573609" y="632116"/>
                    </a:lnTo>
                    <a:cubicBezTo>
                      <a:pt x="579029" y="626696"/>
                      <a:pt x="579029" y="619470"/>
                      <a:pt x="575416" y="613147"/>
                    </a:cubicBezTo>
                    <a:lnTo>
                      <a:pt x="525733" y="543591"/>
                    </a:lnTo>
                    <a:lnTo>
                      <a:pt x="645875" y="573400"/>
                    </a:lnTo>
                    <a:cubicBezTo>
                      <a:pt x="691041" y="584240"/>
                      <a:pt x="722657" y="624890"/>
                      <a:pt x="722657" y="671862"/>
                    </a:cubicBezTo>
                    <a:lnTo>
                      <a:pt x="722657" y="838977"/>
                    </a:lnTo>
                    <a:close/>
                  </a:path>
                </a:pathLst>
              </a:custGeom>
              <a:grpFill/>
              <a:ln w="9028" cap="flat">
                <a:noFill/>
                <a:prstDash val="solid"/>
                <a:miter/>
              </a:ln>
            </p:spPr>
            <p:txBody>
              <a:bodyPr rtlCol="0" anchor="ctr"/>
              <a:lstStyle/>
              <a:p>
                <a:endParaRPr lang="en-GB"/>
              </a:p>
            </p:txBody>
          </p:sp>
        </p:grpSp>
      </p:grpSp>
      <p:grpSp>
        <p:nvGrpSpPr>
          <p:cNvPr id="29" name="Group 28">
            <a:extLst>
              <a:ext uri="{FF2B5EF4-FFF2-40B4-BE49-F238E27FC236}">
                <a16:creationId xmlns:a16="http://schemas.microsoft.com/office/drawing/2014/main" id="{B1DCD77E-30A5-8449-B1F6-04129A747F3B}"/>
              </a:ext>
            </a:extLst>
          </p:cNvPr>
          <p:cNvGrpSpPr/>
          <p:nvPr/>
        </p:nvGrpSpPr>
        <p:grpSpPr>
          <a:xfrm>
            <a:off x="3413526" y="9204454"/>
            <a:ext cx="751842" cy="700405"/>
            <a:chOff x="0" y="0"/>
            <a:chExt cx="745522" cy="754272"/>
          </a:xfrm>
        </p:grpSpPr>
        <p:grpSp>
          <p:nvGrpSpPr>
            <p:cNvPr id="30" name="Graphic 2">
              <a:extLst>
                <a:ext uri="{FF2B5EF4-FFF2-40B4-BE49-F238E27FC236}">
                  <a16:creationId xmlns:a16="http://schemas.microsoft.com/office/drawing/2014/main" id="{F27BC22E-C431-2444-9AEA-96D0496653E7}"/>
                </a:ext>
              </a:extLst>
            </p:cNvPr>
            <p:cNvGrpSpPr/>
            <p:nvPr/>
          </p:nvGrpSpPr>
          <p:grpSpPr>
            <a:xfrm>
              <a:off x="162598" y="281835"/>
              <a:ext cx="420044" cy="75879"/>
              <a:chOff x="162598" y="281835"/>
              <a:chExt cx="420044" cy="75879"/>
            </a:xfrm>
            <a:solidFill>
              <a:srgbClr val="00BADE"/>
            </a:solidFill>
          </p:grpSpPr>
          <p:sp>
            <p:nvSpPr>
              <p:cNvPr id="41" name="Freeform 40">
                <a:extLst>
                  <a:ext uri="{FF2B5EF4-FFF2-40B4-BE49-F238E27FC236}">
                    <a16:creationId xmlns:a16="http://schemas.microsoft.com/office/drawing/2014/main" id="{2026D906-F121-7844-917F-ED2DB20B0900}"/>
                  </a:ext>
                </a:extLst>
              </p:cNvPr>
              <p:cNvSpPr/>
              <p:nvPr/>
            </p:nvSpPr>
            <p:spPr>
              <a:xfrm>
                <a:off x="162598" y="283643"/>
                <a:ext cx="131884" cy="74071"/>
              </a:xfrm>
              <a:custGeom>
                <a:avLst/>
                <a:gdLst>
                  <a:gd name="connsiteX0" fmla="*/ 123755 w 131884"/>
                  <a:gd name="connsiteY0" fmla="*/ 23486 h 74071"/>
                  <a:gd name="connsiteX1" fmla="*/ 60523 w 131884"/>
                  <a:gd name="connsiteY1" fmla="*/ 74072 h 74071"/>
                  <a:gd name="connsiteX2" fmla="*/ 0 w 131884"/>
                  <a:gd name="connsiteY2" fmla="*/ 74072 h 74071"/>
                  <a:gd name="connsiteX3" fmla="*/ 0 w 131884"/>
                  <a:gd name="connsiteY3" fmla="*/ 63233 h 74071"/>
                  <a:gd name="connsiteX4" fmla="*/ 31616 w 131884"/>
                  <a:gd name="connsiteY4" fmla="*/ 27100 h 74071"/>
                  <a:gd name="connsiteX5" fmla="*/ 68652 w 131884"/>
                  <a:gd name="connsiteY5" fmla="*/ 18970 h 74071"/>
                  <a:gd name="connsiteX6" fmla="*/ 80396 w 131884"/>
                  <a:gd name="connsiteY6" fmla="*/ 5420 h 74071"/>
                  <a:gd name="connsiteX7" fmla="*/ 80396 w 131884"/>
                  <a:gd name="connsiteY7" fmla="*/ 0 h 74071"/>
                  <a:gd name="connsiteX8" fmla="*/ 89429 w 131884"/>
                  <a:gd name="connsiteY8" fmla="*/ 0 h 74071"/>
                  <a:gd name="connsiteX9" fmla="*/ 98462 w 131884"/>
                  <a:gd name="connsiteY9" fmla="*/ 0 h 74071"/>
                  <a:gd name="connsiteX10" fmla="*/ 98462 w 131884"/>
                  <a:gd name="connsiteY10" fmla="*/ 2709 h 74071"/>
                  <a:gd name="connsiteX11" fmla="*/ 103882 w 131884"/>
                  <a:gd name="connsiteY11" fmla="*/ 13550 h 74071"/>
                  <a:gd name="connsiteX12" fmla="*/ 109302 w 131884"/>
                  <a:gd name="connsiteY12" fmla="*/ 16259 h 74071"/>
                  <a:gd name="connsiteX13" fmla="*/ 131885 w 131884"/>
                  <a:gd name="connsiteY13" fmla="*/ 21680 h 74071"/>
                  <a:gd name="connsiteX14" fmla="*/ 123755 w 131884"/>
                  <a:gd name="connsiteY14" fmla="*/ 23486 h 7407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131884" h="74071">
                    <a:moveTo>
                      <a:pt x="123755" y="23486"/>
                    </a:moveTo>
                    <a:cubicBezTo>
                      <a:pt x="94849" y="28906"/>
                      <a:pt x="72266" y="48780"/>
                      <a:pt x="60523" y="74072"/>
                    </a:cubicBezTo>
                    <a:lnTo>
                      <a:pt x="0" y="74072"/>
                    </a:lnTo>
                    <a:lnTo>
                      <a:pt x="0" y="63233"/>
                    </a:lnTo>
                    <a:cubicBezTo>
                      <a:pt x="0" y="46069"/>
                      <a:pt x="11743" y="29809"/>
                      <a:pt x="31616" y="27100"/>
                    </a:cubicBezTo>
                    <a:lnTo>
                      <a:pt x="68652" y="18970"/>
                    </a:lnTo>
                    <a:cubicBezTo>
                      <a:pt x="74072" y="16259"/>
                      <a:pt x="80396" y="10839"/>
                      <a:pt x="80396" y="5420"/>
                    </a:cubicBezTo>
                    <a:lnTo>
                      <a:pt x="80396" y="0"/>
                    </a:lnTo>
                    <a:cubicBezTo>
                      <a:pt x="83106" y="0"/>
                      <a:pt x="85816" y="0"/>
                      <a:pt x="89429" y="0"/>
                    </a:cubicBezTo>
                    <a:cubicBezTo>
                      <a:pt x="93042" y="0"/>
                      <a:pt x="94849" y="0"/>
                      <a:pt x="98462" y="0"/>
                    </a:cubicBezTo>
                    <a:lnTo>
                      <a:pt x="98462" y="2709"/>
                    </a:lnTo>
                    <a:cubicBezTo>
                      <a:pt x="98462" y="8130"/>
                      <a:pt x="101172" y="10839"/>
                      <a:pt x="103882" y="13550"/>
                    </a:cubicBezTo>
                    <a:cubicBezTo>
                      <a:pt x="106592" y="13550"/>
                      <a:pt x="106592" y="16259"/>
                      <a:pt x="109302" y="16259"/>
                    </a:cubicBezTo>
                    <a:lnTo>
                      <a:pt x="131885" y="21680"/>
                    </a:lnTo>
                    <a:lnTo>
                      <a:pt x="123755" y="23486"/>
                    </a:lnTo>
                    <a:close/>
                  </a:path>
                </a:pathLst>
              </a:custGeom>
              <a:solidFill>
                <a:srgbClr val="7FCCC7">
                  <a:alpha val="41176"/>
                </a:srgbClr>
              </a:solidFill>
              <a:ln w="9028" cap="flat">
                <a:noFill/>
                <a:prstDash val="solid"/>
                <a:miter/>
              </a:ln>
            </p:spPr>
            <p:txBody>
              <a:bodyPr rtlCol="0" anchor="ctr"/>
              <a:lstStyle/>
              <a:p>
                <a:endParaRPr lang="en-GB"/>
              </a:p>
            </p:txBody>
          </p:sp>
          <p:sp>
            <p:nvSpPr>
              <p:cNvPr id="42" name="Freeform 41">
                <a:extLst>
                  <a:ext uri="{FF2B5EF4-FFF2-40B4-BE49-F238E27FC236}">
                    <a16:creationId xmlns:a16="http://schemas.microsoft.com/office/drawing/2014/main" id="{874D6D9D-4FE8-3B41-A03A-64CA9D152F30}"/>
                  </a:ext>
                </a:extLst>
              </p:cNvPr>
              <p:cNvSpPr/>
              <p:nvPr/>
            </p:nvSpPr>
            <p:spPr>
              <a:xfrm>
                <a:off x="449854" y="281835"/>
                <a:ext cx="132788" cy="75879"/>
              </a:xfrm>
              <a:custGeom>
                <a:avLst/>
                <a:gdLst>
                  <a:gd name="connsiteX0" fmla="*/ 132788 w 132788"/>
                  <a:gd name="connsiteY0" fmla="*/ 75879 h 75879"/>
                  <a:gd name="connsiteX1" fmla="*/ 72266 w 132788"/>
                  <a:gd name="connsiteY1" fmla="*/ 75879 h 75879"/>
                  <a:gd name="connsiteX2" fmla="*/ 9033 w 132788"/>
                  <a:gd name="connsiteY2" fmla="*/ 27100 h 75879"/>
                  <a:gd name="connsiteX3" fmla="*/ 0 w 132788"/>
                  <a:gd name="connsiteY3" fmla="*/ 24390 h 75879"/>
                  <a:gd name="connsiteX4" fmla="*/ 22583 w 132788"/>
                  <a:gd name="connsiteY4" fmla="*/ 18971 h 75879"/>
                  <a:gd name="connsiteX5" fmla="*/ 28003 w 132788"/>
                  <a:gd name="connsiteY5" fmla="*/ 16260 h 75879"/>
                  <a:gd name="connsiteX6" fmla="*/ 33423 w 132788"/>
                  <a:gd name="connsiteY6" fmla="*/ 5421 h 75879"/>
                  <a:gd name="connsiteX7" fmla="*/ 33423 w 132788"/>
                  <a:gd name="connsiteY7" fmla="*/ 0 h 75879"/>
                  <a:gd name="connsiteX8" fmla="*/ 42456 w 132788"/>
                  <a:gd name="connsiteY8" fmla="*/ 0 h 75879"/>
                  <a:gd name="connsiteX9" fmla="*/ 51489 w 132788"/>
                  <a:gd name="connsiteY9" fmla="*/ 0 h 75879"/>
                  <a:gd name="connsiteX10" fmla="*/ 51489 w 132788"/>
                  <a:gd name="connsiteY10" fmla="*/ 5421 h 75879"/>
                  <a:gd name="connsiteX11" fmla="*/ 63233 w 132788"/>
                  <a:gd name="connsiteY11" fmla="*/ 18971 h 75879"/>
                  <a:gd name="connsiteX12" fmla="*/ 100269 w 132788"/>
                  <a:gd name="connsiteY12" fmla="*/ 27100 h 75879"/>
                  <a:gd name="connsiteX13" fmla="*/ 131885 w 132788"/>
                  <a:gd name="connsiteY13" fmla="*/ 62329 h 75879"/>
                  <a:gd name="connsiteX14" fmla="*/ 131885 w 132788"/>
                  <a:gd name="connsiteY14" fmla="*/ 75879 h 758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132788" h="75879">
                    <a:moveTo>
                      <a:pt x="132788" y="75879"/>
                    </a:moveTo>
                    <a:lnTo>
                      <a:pt x="72266" y="75879"/>
                    </a:lnTo>
                    <a:cubicBezTo>
                      <a:pt x="60523" y="51490"/>
                      <a:pt x="37940" y="32520"/>
                      <a:pt x="9033" y="27100"/>
                    </a:cubicBezTo>
                    <a:lnTo>
                      <a:pt x="0" y="24390"/>
                    </a:lnTo>
                    <a:lnTo>
                      <a:pt x="22583" y="18971"/>
                    </a:lnTo>
                    <a:cubicBezTo>
                      <a:pt x="25293" y="18971"/>
                      <a:pt x="25293" y="18971"/>
                      <a:pt x="28003" y="16260"/>
                    </a:cubicBezTo>
                    <a:cubicBezTo>
                      <a:pt x="33423" y="13550"/>
                      <a:pt x="33423" y="8130"/>
                      <a:pt x="33423" y="5421"/>
                    </a:cubicBezTo>
                    <a:lnTo>
                      <a:pt x="33423" y="0"/>
                    </a:lnTo>
                    <a:cubicBezTo>
                      <a:pt x="36133" y="0"/>
                      <a:pt x="38843" y="0"/>
                      <a:pt x="42456" y="0"/>
                    </a:cubicBezTo>
                    <a:cubicBezTo>
                      <a:pt x="45166" y="0"/>
                      <a:pt x="47876" y="0"/>
                      <a:pt x="51489" y="0"/>
                    </a:cubicBezTo>
                    <a:lnTo>
                      <a:pt x="51489" y="5421"/>
                    </a:lnTo>
                    <a:cubicBezTo>
                      <a:pt x="51489" y="10841"/>
                      <a:pt x="56909" y="16260"/>
                      <a:pt x="63233" y="18971"/>
                    </a:cubicBezTo>
                    <a:lnTo>
                      <a:pt x="100269" y="27100"/>
                    </a:lnTo>
                    <a:cubicBezTo>
                      <a:pt x="117432" y="29810"/>
                      <a:pt x="131885" y="46070"/>
                      <a:pt x="131885" y="62329"/>
                    </a:cubicBezTo>
                    <a:lnTo>
                      <a:pt x="131885" y="75879"/>
                    </a:lnTo>
                    <a:close/>
                  </a:path>
                </a:pathLst>
              </a:custGeom>
              <a:solidFill>
                <a:srgbClr val="7FCCC7">
                  <a:alpha val="41176"/>
                </a:srgbClr>
              </a:solidFill>
              <a:ln w="9028" cap="flat">
                <a:noFill/>
                <a:prstDash val="solid"/>
                <a:miter/>
              </a:ln>
            </p:spPr>
            <p:txBody>
              <a:bodyPr rtlCol="0" anchor="ctr"/>
              <a:lstStyle/>
              <a:p>
                <a:endParaRPr lang="en-GB"/>
              </a:p>
            </p:txBody>
          </p:sp>
        </p:grpSp>
        <p:grpSp>
          <p:nvGrpSpPr>
            <p:cNvPr id="31" name="Graphic 2">
              <a:extLst>
                <a:ext uri="{FF2B5EF4-FFF2-40B4-BE49-F238E27FC236}">
                  <a16:creationId xmlns:a16="http://schemas.microsoft.com/office/drawing/2014/main" id="{03658905-9E61-2D4D-8F5A-7B7E25949276}"/>
                </a:ext>
              </a:extLst>
            </p:cNvPr>
            <p:cNvGrpSpPr/>
            <p:nvPr/>
          </p:nvGrpSpPr>
          <p:grpSpPr>
            <a:xfrm>
              <a:off x="0" y="0"/>
              <a:ext cx="745522" cy="754272"/>
              <a:chOff x="0" y="0"/>
              <a:chExt cx="745522" cy="754272"/>
            </a:xfrm>
            <a:solidFill>
              <a:srgbClr val="000000"/>
            </a:solidFill>
          </p:grpSpPr>
          <p:sp>
            <p:nvSpPr>
              <p:cNvPr id="32" name="Freeform 31">
                <a:extLst>
                  <a:ext uri="{FF2B5EF4-FFF2-40B4-BE49-F238E27FC236}">
                    <a16:creationId xmlns:a16="http://schemas.microsoft.com/office/drawing/2014/main" id="{45701A58-B3A9-A94B-A441-8C08E8F0814B}"/>
                  </a:ext>
                </a:extLst>
              </p:cNvPr>
              <p:cNvSpPr/>
              <p:nvPr/>
            </p:nvSpPr>
            <p:spPr>
              <a:xfrm>
                <a:off x="113574" y="690152"/>
                <a:ext cx="49268" cy="63218"/>
              </a:xfrm>
              <a:custGeom>
                <a:avLst/>
                <a:gdLst>
                  <a:gd name="connsiteX0" fmla="*/ 46314 w 49268"/>
                  <a:gd name="connsiteY0" fmla="*/ 38828 h 63218"/>
                  <a:gd name="connsiteX1" fmla="*/ 24634 w 49268"/>
                  <a:gd name="connsiteY1" fmla="*/ 6309 h 63218"/>
                  <a:gd name="connsiteX2" fmla="*/ 5664 w 49268"/>
                  <a:gd name="connsiteY2" fmla="*/ 3599 h 63218"/>
                  <a:gd name="connsiteX3" fmla="*/ 2955 w 49268"/>
                  <a:gd name="connsiteY3" fmla="*/ 24375 h 63218"/>
                  <a:gd name="connsiteX4" fmla="*/ 24634 w 49268"/>
                  <a:gd name="connsiteY4" fmla="*/ 56894 h 63218"/>
                  <a:gd name="connsiteX5" fmla="*/ 35474 w 49268"/>
                  <a:gd name="connsiteY5" fmla="*/ 63218 h 63218"/>
                  <a:gd name="connsiteX6" fmla="*/ 43604 w 49268"/>
                  <a:gd name="connsiteY6" fmla="*/ 60508 h 63218"/>
                  <a:gd name="connsiteX7" fmla="*/ 46314 w 49268"/>
                  <a:gd name="connsiteY7" fmla="*/ 38828 h 632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49268" h="63218">
                    <a:moveTo>
                      <a:pt x="46314" y="38828"/>
                    </a:moveTo>
                    <a:lnTo>
                      <a:pt x="24634" y="6309"/>
                    </a:lnTo>
                    <a:cubicBezTo>
                      <a:pt x="19214" y="-14"/>
                      <a:pt x="11084" y="-2725"/>
                      <a:pt x="5664" y="3599"/>
                    </a:cubicBezTo>
                    <a:cubicBezTo>
                      <a:pt x="244" y="9922"/>
                      <a:pt x="-2466" y="18052"/>
                      <a:pt x="2955" y="24375"/>
                    </a:cubicBezTo>
                    <a:lnTo>
                      <a:pt x="24634" y="56894"/>
                    </a:lnTo>
                    <a:cubicBezTo>
                      <a:pt x="27344" y="59605"/>
                      <a:pt x="32764" y="63218"/>
                      <a:pt x="35474" y="63218"/>
                    </a:cubicBezTo>
                    <a:cubicBezTo>
                      <a:pt x="38184" y="63218"/>
                      <a:pt x="40894" y="63218"/>
                      <a:pt x="43604" y="60508"/>
                    </a:cubicBezTo>
                    <a:cubicBezTo>
                      <a:pt x="49024" y="53282"/>
                      <a:pt x="51734" y="44249"/>
                      <a:pt x="46314" y="38828"/>
                    </a:cubicBezTo>
                    <a:close/>
                  </a:path>
                </a:pathLst>
              </a:custGeom>
              <a:solidFill>
                <a:srgbClr val="7FCCC7"/>
              </a:solidFill>
              <a:ln w="9028" cap="flat">
                <a:noFill/>
                <a:prstDash val="solid"/>
                <a:miter/>
              </a:ln>
            </p:spPr>
            <p:txBody>
              <a:bodyPr rtlCol="0" anchor="ctr"/>
              <a:lstStyle/>
              <a:p>
                <a:endParaRPr lang="en-GB"/>
              </a:p>
            </p:txBody>
          </p:sp>
          <p:sp>
            <p:nvSpPr>
              <p:cNvPr id="33" name="Freeform 32">
                <a:extLst>
                  <a:ext uri="{FF2B5EF4-FFF2-40B4-BE49-F238E27FC236}">
                    <a16:creationId xmlns:a16="http://schemas.microsoft.com/office/drawing/2014/main" id="{10C24364-0306-8C47-8453-D4EBFEFF4842}"/>
                  </a:ext>
                </a:extLst>
              </p:cNvPr>
              <p:cNvSpPr/>
              <p:nvPr/>
            </p:nvSpPr>
            <p:spPr>
              <a:xfrm>
                <a:off x="0" y="225731"/>
                <a:ext cx="332214" cy="524928"/>
              </a:xfrm>
              <a:custGeom>
                <a:avLst/>
                <a:gdLst>
                  <a:gd name="connsiteX0" fmla="*/ 331519 w 332214"/>
                  <a:gd name="connsiteY0" fmla="*/ 506862 h 524928"/>
                  <a:gd name="connsiteX1" fmla="*/ 308032 w 332214"/>
                  <a:gd name="connsiteY1" fmla="*/ 392141 h 524928"/>
                  <a:gd name="connsiteX2" fmla="*/ 214990 w 332214"/>
                  <a:gd name="connsiteY2" fmla="*/ 257546 h 524928"/>
                  <a:gd name="connsiteX3" fmla="*/ 162598 w 332214"/>
                  <a:gd name="connsiteY3" fmla="*/ 223219 h 524928"/>
                  <a:gd name="connsiteX4" fmla="*/ 95752 w 332214"/>
                  <a:gd name="connsiteY4" fmla="*/ 228640 h 524928"/>
                  <a:gd name="connsiteX5" fmla="*/ 95752 w 332214"/>
                  <a:gd name="connsiteY5" fmla="*/ 49782 h 524928"/>
                  <a:gd name="connsiteX6" fmla="*/ 57813 w 332214"/>
                  <a:gd name="connsiteY6" fmla="*/ 1002 h 524928"/>
                  <a:gd name="connsiteX7" fmla="*/ 17163 w 332214"/>
                  <a:gd name="connsiteY7" fmla="*/ 10035 h 524928"/>
                  <a:gd name="connsiteX8" fmla="*/ 0 w 332214"/>
                  <a:gd name="connsiteY8" fmla="*/ 47071 h 524928"/>
                  <a:gd name="connsiteX9" fmla="*/ 0 w 332214"/>
                  <a:gd name="connsiteY9" fmla="*/ 273806 h 524928"/>
                  <a:gd name="connsiteX10" fmla="*/ 26197 w 332214"/>
                  <a:gd name="connsiteY10" fmla="*/ 356911 h 524928"/>
                  <a:gd name="connsiteX11" fmla="*/ 52393 w 332214"/>
                  <a:gd name="connsiteY11" fmla="*/ 393947 h 524928"/>
                  <a:gd name="connsiteX12" fmla="*/ 64136 w 332214"/>
                  <a:gd name="connsiteY12" fmla="*/ 399367 h 524928"/>
                  <a:gd name="connsiteX13" fmla="*/ 73169 w 332214"/>
                  <a:gd name="connsiteY13" fmla="*/ 396658 h 524928"/>
                  <a:gd name="connsiteX14" fmla="*/ 75879 w 332214"/>
                  <a:gd name="connsiteY14" fmla="*/ 376784 h 524928"/>
                  <a:gd name="connsiteX15" fmla="*/ 49683 w 332214"/>
                  <a:gd name="connsiteY15" fmla="*/ 339748 h 524928"/>
                  <a:gd name="connsiteX16" fmla="*/ 28906 w 332214"/>
                  <a:gd name="connsiteY16" fmla="*/ 273806 h 524928"/>
                  <a:gd name="connsiteX17" fmla="*/ 28906 w 332214"/>
                  <a:gd name="connsiteY17" fmla="*/ 47071 h 524928"/>
                  <a:gd name="connsiteX18" fmla="*/ 37940 w 332214"/>
                  <a:gd name="connsiteY18" fmla="*/ 32619 h 524928"/>
                  <a:gd name="connsiteX19" fmla="*/ 55102 w 332214"/>
                  <a:gd name="connsiteY19" fmla="*/ 29909 h 524928"/>
                  <a:gd name="connsiteX20" fmla="*/ 69556 w 332214"/>
                  <a:gd name="connsiteY20" fmla="*/ 49782 h 524928"/>
                  <a:gd name="connsiteX21" fmla="*/ 69556 w 332214"/>
                  <a:gd name="connsiteY21" fmla="*/ 230446 h 524928"/>
                  <a:gd name="connsiteX22" fmla="*/ 95752 w 332214"/>
                  <a:gd name="connsiteY22" fmla="*/ 299098 h 524928"/>
                  <a:gd name="connsiteX23" fmla="*/ 98462 w 332214"/>
                  <a:gd name="connsiteY23" fmla="*/ 301809 h 524928"/>
                  <a:gd name="connsiteX24" fmla="*/ 130079 w 332214"/>
                  <a:gd name="connsiteY24" fmla="*/ 336134 h 524928"/>
                  <a:gd name="connsiteX25" fmla="*/ 144531 w 332214"/>
                  <a:gd name="connsiteY25" fmla="*/ 353298 h 524928"/>
                  <a:gd name="connsiteX26" fmla="*/ 168018 w 332214"/>
                  <a:gd name="connsiteY26" fmla="*/ 375881 h 524928"/>
                  <a:gd name="connsiteX27" fmla="*/ 188794 w 332214"/>
                  <a:gd name="connsiteY27" fmla="*/ 375881 h 524928"/>
                  <a:gd name="connsiteX28" fmla="*/ 188794 w 332214"/>
                  <a:gd name="connsiteY28" fmla="*/ 356008 h 524928"/>
                  <a:gd name="connsiteX29" fmla="*/ 150855 w 332214"/>
                  <a:gd name="connsiteY29" fmla="*/ 315359 h 524928"/>
                  <a:gd name="connsiteX30" fmla="*/ 115625 w 332214"/>
                  <a:gd name="connsiteY30" fmla="*/ 281032 h 524928"/>
                  <a:gd name="connsiteX31" fmla="*/ 115625 w 332214"/>
                  <a:gd name="connsiteY31" fmla="*/ 249416 h 524928"/>
                  <a:gd name="connsiteX32" fmla="*/ 144531 w 332214"/>
                  <a:gd name="connsiteY32" fmla="*/ 246706 h 524928"/>
                  <a:gd name="connsiteX33" fmla="*/ 196924 w 332214"/>
                  <a:gd name="connsiteY33" fmla="*/ 281032 h 524928"/>
                  <a:gd name="connsiteX34" fmla="*/ 278223 w 332214"/>
                  <a:gd name="connsiteY34" fmla="*/ 398464 h 524928"/>
                  <a:gd name="connsiteX35" fmla="*/ 301710 w 332214"/>
                  <a:gd name="connsiteY35" fmla="*/ 513186 h 524928"/>
                  <a:gd name="connsiteX36" fmla="*/ 316163 w 332214"/>
                  <a:gd name="connsiteY36" fmla="*/ 524929 h 524928"/>
                  <a:gd name="connsiteX37" fmla="*/ 318872 w 332214"/>
                  <a:gd name="connsiteY37" fmla="*/ 524929 h 524928"/>
                  <a:gd name="connsiteX38" fmla="*/ 331519 w 332214"/>
                  <a:gd name="connsiteY38" fmla="*/ 506862 h 52492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Lst>
                <a:rect l="l" t="t" r="r" b="b"/>
                <a:pathLst>
                  <a:path w="332214" h="524928">
                    <a:moveTo>
                      <a:pt x="331519" y="506862"/>
                    </a:moveTo>
                    <a:lnTo>
                      <a:pt x="308032" y="392141"/>
                    </a:lnTo>
                    <a:cubicBezTo>
                      <a:pt x="296289" y="337942"/>
                      <a:pt x="264673" y="289162"/>
                      <a:pt x="214990" y="257546"/>
                    </a:cubicBezTo>
                    <a:lnTo>
                      <a:pt x="162598" y="223219"/>
                    </a:lnTo>
                    <a:cubicBezTo>
                      <a:pt x="141822" y="208766"/>
                      <a:pt x="112915" y="211477"/>
                      <a:pt x="95752" y="228640"/>
                    </a:cubicBezTo>
                    <a:lnTo>
                      <a:pt x="95752" y="49782"/>
                    </a:lnTo>
                    <a:cubicBezTo>
                      <a:pt x="95752" y="27199"/>
                      <a:pt x="78589" y="6422"/>
                      <a:pt x="57813" y="1002"/>
                    </a:cubicBezTo>
                    <a:cubicBezTo>
                      <a:pt x="43359" y="-1707"/>
                      <a:pt x="28906" y="1002"/>
                      <a:pt x="17163" y="10035"/>
                    </a:cubicBezTo>
                    <a:cubicBezTo>
                      <a:pt x="5420" y="19069"/>
                      <a:pt x="0" y="32619"/>
                      <a:pt x="0" y="47071"/>
                    </a:cubicBezTo>
                    <a:lnTo>
                      <a:pt x="0" y="273806"/>
                    </a:lnTo>
                    <a:cubicBezTo>
                      <a:pt x="0" y="302712"/>
                      <a:pt x="9033" y="331618"/>
                      <a:pt x="26197" y="356911"/>
                    </a:cubicBezTo>
                    <a:lnTo>
                      <a:pt x="52393" y="393947"/>
                    </a:lnTo>
                    <a:cubicBezTo>
                      <a:pt x="55102" y="396658"/>
                      <a:pt x="61426" y="399367"/>
                      <a:pt x="64136" y="399367"/>
                    </a:cubicBezTo>
                    <a:cubicBezTo>
                      <a:pt x="66846" y="399367"/>
                      <a:pt x="69556" y="399367"/>
                      <a:pt x="73169" y="396658"/>
                    </a:cubicBezTo>
                    <a:cubicBezTo>
                      <a:pt x="78589" y="391238"/>
                      <a:pt x="82202" y="382205"/>
                      <a:pt x="75879" y="376784"/>
                    </a:cubicBezTo>
                    <a:lnTo>
                      <a:pt x="49683" y="339748"/>
                    </a:lnTo>
                    <a:cubicBezTo>
                      <a:pt x="35230" y="319875"/>
                      <a:pt x="28906" y="296389"/>
                      <a:pt x="28906" y="273806"/>
                    </a:cubicBezTo>
                    <a:lnTo>
                      <a:pt x="28906" y="47071"/>
                    </a:lnTo>
                    <a:cubicBezTo>
                      <a:pt x="28906" y="41652"/>
                      <a:pt x="31616" y="35329"/>
                      <a:pt x="37940" y="32619"/>
                    </a:cubicBezTo>
                    <a:cubicBezTo>
                      <a:pt x="43359" y="29909"/>
                      <a:pt x="49683" y="27199"/>
                      <a:pt x="55102" y="29909"/>
                    </a:cubicBezTo>
                    <a:cubicBezTo>
                      <a:pt x="64136" y="32619"/>
                      <a:pt x="69556" y="38942"/>
                      <a:pt x="69556" y="49782"/>
                    </a:cubicBezTo>
                    <a:lnTo>
                      <a:pt x="69556" y="230446"/>
                    </a:lnTo>
                    <a:cubicBezTo>
                      <a:pt x="69556" y="256643"/>
                      <a:pt x="78589" y="279226"/>
                      <a:pt x="95752" y="299098"/>
                    </a:cubicBezTo>
                    <a:lnTo>
                      <a:pt x="98462" y="301809"/>
                    </a:lnTo>
                    <a:cubicBezTo>
                      <a:pt x="107495" y="313551"/>
                      <a:pt x="119239" y="324392"/>
                      <a:pt x="130079" y="336134"/>
                    </a:cubicBezTo>
                    <a:lnTo>
                      <a:pt x="144531" y="353298"/>
                    </a:lnTo>
                    <a:cubicBezTo>
                      <a:pt x="158984" y="367751"/>
                      <a:pt x="168018" y="375881"/>
                      <a:pt x="168018" y="375881"/>
                    </a:cubicBezTo>
                    <a:cubicBezTo>
                      <a:pt x="173438" y="381300"/>
                      <a:pt x="182471" y="381300"/>
                      <a:pt x="188794" y="375881"/>
                    </a:cubicBezTo>
                    <a:cubicBezTo>
                      <a:pt x="194214" y="370461"/>
                      <a:pt x="194214" y="361428"/>
                      <a:pt x="188794" y="356008"/>
                    </a:cubicBezTo>
                    <a:cubicBezTo>
                      <a:pt x="188794" y="356008"/>
                      <a:pt x="171631" y="338845"/>
                      <a:pt x="150855" y="315359"/>
                    </a:cubicBezTo>
                    <a:lnTo>
                      <a:pt x="115625" y="281032"/>
                    </a:lnTo>
                    <a:cubicBezTo>
                      <a:pt x="106592" y="271999"/>
                      <a:pt x="106592" y="258449"/>
                      <a:pt x="115625" y="249416"/>
                    </a:cubicBezTo>
                    <a:cubicBezTo>
                      <a:pt x="124658" y="240382"/>
                      <a:pt x="136401" y="240382"/>
                      <a:pt x="144531" y="246706"/>
                    </a:cubicBezTo>
                    <a:lnTo>
                      <a:pt x="196924" y="281032"/>
                    </a:lnTo>
                    <a:cubicBezTo>
                      <a:pt x="237573" y="309939"/>
                      <a:pt x="266480" y="349684"/>
                      <a:pt x="278223" y="398464"/>
                    </a:cubicBezTo>
                    <a:lnTo>
                      <a:pt x="301710" y="513186"/>
                    </a:lnTo>
                    <a:cubicBezTo>
                      <a:pt x="304419" y="518606"/>
                      <a:pt x="310743" y="524929"/>
                      <a:pt x="316163" y="524929"/>
                    </a:cubicBezTo>
                    <a:lnTo>
                      <a:pt x="318872" y="524929"/>
                    </a:lnTo>
                    <a:cubicBezTo>
                      <a:pt x="328809" y="521315"/>
                      <a:pt x="334229" y="512282"/>
                      <a:pt x="331519" y="506862"/>
                    </a:cubicBezTo>
                    <a:close/>
                  </a:path>
                </a:pathLst>
              </a:custGeom>
              <a:solidFill>
                <a:srgbClr val="7FCCC7"/>
              </a:solidFill>
              <a:ln w="9028" cap="flat">
                <a:noFill/>
                <a:prstDash val="solid"/>
                <a:miter/>
              </a:ln>
            </p:spPr>
            <p:txBody>
              <a:bodyPr rtlCol="0" anchor="ctr"/>
              <a:lstStyle/>
              <a:p>
                <a:endParaRPr lang="en-GB"/>
              </a:p>
            </p:txBody>
          </p:sp>
          <p:sp>
            <p:nvSpPr>
              <p:cNvPr id="34" name="Freeform 33">
                <a:extLst>
                  <a:ext uri="{FF2B5EF4-FFF2-40B4-BE49-F238E27FC236}">
                    <a16:creationId xmlns:a16="http://schemas.microsoft.com/office/drawing/2014/main" id="{20100D91-AA37-7F4C-A01F-975DB0477944}"/>
                  </a:ext>
                </a:extLst>
              </p:cNvPr>
              <p:cNvSpPr/>
              <p:nvPr/>
            </p:nvSpPr>
            <p:spPr>
              <a:xfrm>
                <a:off x="81314" y="645889"/>
                <a:ext cx="31338" cy="31602"/>
              </a:xfrm>
              <a:custGeom>
                <a:avLst/>
                <a:gdLst>
                  <a:gd name="connsiteX0" fmla="*/ 27988 w 31338"/>
                  <a:gd name="connsiteY0" fmla="*/ 6309 h 31602"/>
                  <a:gd name="connsiteX1" fmla="*/ 27988 w 31338"/>
                  <a:gd name="connsiteY1" fmla="*/ 6309 h 31602"/>
                  <a:gd name="connsiteX2" fmla="*/ 6309 w 31338"/>
                  <a:gd name="connsiteY2" fmla="*/ 3599 h 31602"/>
                  <a:gd name="connsiteX3" fmla="*/ 3599 w 31338"/>
                  <a:gd name="connsiteY3" fmla="*/ 25279 h 31602"/>
                  <a:gd name="connsiteX4" fmla="*/ 16245 w 31338"/>
                  <a:gd name="connsiteY4" fmla="*/ 31602 h 31602"/>
                  <a:gd name="connsiteX5" fmla="*/ 25278 w 31338"/>
                  <a:gd name="connsiteY5" fmla="*/ 28892 h 31602"/>
                  <a:gd name="connsiteX6" fmla="*/ 27988 w 31338"/>
                  <a:gd name="connsiteY6" fmla="*/ 6309 h 3160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1338" h="31602">
                    <a:moveTo>
                      <a:pt x="27988" y="6309"/>
                    </a:moveTo>
                    <a:lnTo>
                      <a:pt x="27988" y="6309"/>
                    </a:lnTo>
                    <a:cubicBezTo>
                      <a:pt x="21666" y="-14"/>
                      <a:pt x="12632" y="-2725"/>
                      <a:pt x="6309" y="3599"/>
                    </a:cubicBezTo>
                    <a:cubicBezTo>
                      <a:pt x="-14" y="9922"/>
                      <a:pt x="-2724" y="18955"/>
                      <a:pt x="3599" y="25279"/>
                    </a:cubicBezTo>
                    <a:cubicBezTo>
                      <a:pt x="6309" y="27989"/>
                      <a:pt x="12632" y="31602"/>
                      <a:pt x="16245" y="31602"/>
                    </a:cubicBezTo>
                    <a:cubicBezTo>
                      <a:pt x="18955" y="31602"/>
                      <a:pt x="22569" y="31602"/>
                      <a:pt x="25278" y="28892"/>
                    </a:cubicBezTo>
                    <a:cubicBezTo>
                      <a:pt x="30699" y="22569"/>
                      <a:pt x="34312" y="12633"/>
                      <a:pt x="27988" y="6309"/>
                    </a:cubicBezTo>
                    <a:close/>
                  </a:path>
                </a:pathLst>
              </a:custGeom>
              <a:solidFill>
                <a:srgbClr val="7FCCC7"/>
              </a:solidFill>
              <a:ln w="9028" cap="flat">
                <a:noFill/>
                <a:prstDash val="solid"/>
                <a:miter/>
              </a:ln>
            </p:spPr>
            <p:txBody>
              <a:bodyPr rtlCol="0" anchor="ctr"/>
              <a:lstStyle/>
              <a:p>
                <a:endParaRPr lang="en-GB" dirty="0"/>
              </a:p>
            </p:txBody>
          </p:sp>
          <p:sp>
            <p:nvSpPr>
              <p:cNvPr id="35" name="Freeform 34">
                <a:extLst>
                  <a:ext uri="{FF2B5EF4-FFF2-40B4-BE49-F238E27FC236}">
                    <a16:creationId xmlns:a16="http://schemas.microsoft.com/office/drawing/2014/main" id="{6E4BAC8D-0B47-EA4A-A443-22D132AAD4D9}"/>
                  </a:ext>
                </a:extLst>
              </p:cNvPr>
              <p:cNvSpPr/>
              <p:nvPr/>
            </p:nvSpPr>
            <p:spPr>
              <a:xfrm>
                <a:off x="419345" y="232559"/>
                <a:ext cx="326177" cy="521713"/>
              </a:xfrm>
              <a:custGeom>
                <a:avLst/>
                <a:gdLst>
                  <a:gd name="connsiteX0" fmla="*/ 308732 w 326177"/>
                  <a:gd name="connsiteY0" fmla="*/ 9531 h 521713"/>
                  <a:gd name="connsiteX1" fmla="*/ 268987 w 326177"/>
                  <a:gd name="connsiteY1" fmla="*/ 1401 h 521713"/>
                  <a:gd name="connsiteX2" fmla="*/ 231950 w 326177"/>
                  <a:gd name="connsiteY2" fmla="*/ 50180 h 521713"/>
                  <a:gd name="connsiteX3" fmla="*/ 231950 w 326177"/>
                  <a:gd name="connsiteY3" fmla="*/ 227231 h 521713"/>
                  <a:gd name="connsiteX4" fmla="*/ 166008 w 326177"/>
                  <a:gd name="connsiteY4" fmla="*/ 221811 h 521713"/>
                  <a:gd name="connsiteX5" fmla="*/ 114518 w 326177"/>
                  <a:gd name="connsiteY5" fmla="*/ 256137 h 521713"/>
                  <a:gd name="connsiteX6" fmla="*/ 23283 w 326177"/>
                  <a:gd name="connsiteY6" fmla="*/ 390732 h 521713"/>
                  <a:gd name="connsiteX7" fmla="*/ 700 w 326177"/>
                  <a:gd name="connsiteY7" fmla="*/ 504550 h 521713"/>
                  <a:gd name="connsiteX8" fmla="*/ 12443 w 326177"/>
                  <a:gd name="connsiteY8" fmla="*/ 521714 h 521713"/>
                  <a:gd name="connsiteX9" fmla="*/ 15153 w 326177"/>
                  <a:gd name="connsiteY9" fmla="*/ 521714 h 521713"/>
                  <a:gd name="connsiteX10" fmla="*/ 29606 w 326177"/>
                  <a:gd name="connsiteY10" fmla="*/ 509970 h 521713"/>
                  <a:gd name="connsiteX11" fmla="*/ 52189 w 326177"/>
                  <a:gd name="connsiteY11" fmla="*/ 396152 h 521713"/>
                  <a:gd name="connsiteX12" fmla="*/ 131682 w 326177"/>
                  <a:gd name="connsiteY12" fmla="*/ 278720 h 521713"/>
                  <a:gd name="connsiteX13" fmla="*/ 183171 w 326177"/>
                  <a:gd name="connsiteY13" fmla="*/ 244394 h 521713"/>
                  <a:gd name="connsiteX14" fmla="*/ 212077 w 326177"/>
                  <a:gd name="connsiteY14" fmla="*/ 247104 h 521713"/>
                  <a:gd name="connsiteX15" fmla="*/ 212077 w 326177"/>
                  <a:gd name="connsiteY15" fmla="*/ 278720 h 521713"/>
                  <a:gd name="connsiteX16" fmla="*/ 140715 w 326177"/>
                  <a:gd name="connsiteY16" fmla="*/ 352793 h 521713"/>
                  <a:gd name="connsiteX17" fmla="*/ 140715 w 326177"/>
                  <a:gd name="connsiteY17" fmla="*/ 372666 h 521713"/>
                  <a:gd name="connsiteX18" fmla="*/ 160588 w 326177"/>
                  <a:gd name="connsiteY18" fmla="*/ 372666 h 521713"/>
                  <a:gd name="connsiteX19" fmla="*/ 229240 w 326177"/>
                  <a:gd name="connsiteY19" fmla="*/ 298594 h 521713"/>
                  <a:gd name="connsiteX20" fmla="*/ 231950 w 326177"/>
                  <a:gd name="connsiteY20" fmla="*/ 295883 h 521713"/>
                  <a:gd name="connsiteX21" fmla="*/ 257243 w 326177"/>
                  <a:gd name="connsiteY21" fmla="*/ 227231 h 521713"/>
                  <a:gd name="connsiteX22" fmla="*/ 257243 w 326177"/>
                  <a:gd name="connsiteY22" fmla="*/ 47470 h 521713"/>
                  <a:gd name="connsiteX23" fmla="*/ 271696 w 326177"/>
                  <a:gd name="connsiteY23" fmla="*/ 27597 h 521713"/>
                  <a:gd name="connsiteX24" fmla="*/ 288860 w 326177"/>
                  <a:gd name="connsiteY24" fmla="*/ 30307 h 521713"/>
                  <a:gd name="connsiteX25" fmla="*/ 296989 w 326177"/>
                  <a:gd name="connsiteY25" fmla="*/ 44759 h 521713"/>
                  <a:gd name="connsiteX26" fmla="*/ 296989 w 326177"/>
                  <a:gd name="connsiteY26" fmla="*/ 270590 h 521713"/>
                  <a:gd name="connsiteX27" fmla="*/ 277116 w 326177"/>
                  <a:gd name="connsiteY27" fmla="*/ 336533 h 521713"/>
                  <a:gd name="connsiteX28" fmla="*/ 166008 w 326177"/>
                  <a:gd name="connsiteY28" fmla="*/ 491001 h 521713"/>
                  <a:gd name="connsiteX29" fmla="*/ 168718 w 326177"/>
                  <a:gd name="connsiteY29" fmla="*/ 510874 h 521713"/>
                  <a:gd name="connsiteX30" fmla="*/ 176848 w 326177"/>
                  <a:gd name="connsiteY30" fmla="*/ 513584 h 521713"/>
                  <a:gd name="connsiteX31" fmla="*/ 188591 w 326177"/>
                  <a:gd name="connsiteY31" fmla="*/ 508164 h 521713"/>
                  <a:gd name="connsiteX32" fmla="*/ 299699 w 326177"/>
                  <a:gd name="connsiteY32" fmla="*/ 353696 h 521713"/>
                  <a:gd name="connsiteX33" fmla="*/ 324993 w 326177"/>
                  <a:gd name="connsiteY33" fmla="*/ 270590 h 521713"/>
                  <a:gd name="connsiteX34" fmla="*/ 324993 w 326177"/>
                  <a:gd name="connsiteY34" fmla="*/ 44759 h 521713"/>
                  <a:gd name="connsiteX35" fmla="*/ 308732 w 326177"/>
                  <a:gd name="connsiteY35" fmla="*/ 9531 h 5217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Lst>
                <a:rect l="l" t="t" r="r" b="b"/>
                <a:pathLst>
                  <a:path w="326177" h="521713">
                    <a:moveTo>
                      <a:pt x="308732" y="9531"/>
                    </a:moveTo>
                    <a:cubicBezTo>
                      <a:pt x="296989" y="1401"/>
                      <a:pt x="283439" y="-2213"/>
                      <a:pt x="268987" y="1401"/>
                    </a:cubicBezTo>
                    <a:cubicBezTo>
                      <a:pt x="246404" y="6820"/>
                      <a:pt x="231950" y="26693"/>
                      <a:pt x="231950" y="50180"/>
                    </a:cubicBezTo>
                    <a:lnTo>
                      <a:pt x="231950" y="227231"/>
                    </a:lnTo>
                    <a:cubicBezTo>
                      <a:pt x="214787" y="210068"/>
                      <a:pt x="186784" y="207357"/>
                      <a:pt x="166008" y="221811"/>
                    </a:cubicBezTo>
                    <a:lnTo>
                      <a:pt x="114518" y="256137"/>
                    </a:lnTo>
                    <a:cubicBezTo>
                      <a:pt x="69352" y="287753"/>
                      <a:pt x="35026" y="335630"/>
                      <a:pt x="23283" y="390732"/>
                    </a:cubicBezTo>
                    <a:lnTo>
                      <a:pt x="700" y="504550"/>
                    </a:lnTo>
                    <a:cubicBezTo>
                      <a:pt x="-2010" y="512680"/>
                      <a:pt x="3410" y="519003"/>
                      <a:pt x="12443" y="521714"/>
                    </a:cubicBezTo>
                    <a:lnTo>
                      <a:pt x="15153" y="521714"/>
                    </a:lnTo>
                    <a:cubicBezTo>
                      <a:pt x="20573" y="521714"/>
                      <a:pt x="26897" y="516294"/>
                      <a:pt x="29606" y="509970"/>
                    </a:cubicBezTo>
                    <a:lnTo>
                      <a:pt x="52189" y="396152"/>
                    </a:lnTo>
                    <a:cubicBezTo>
                      <a:pt x="63932" y="347372"/>
                      <a:pt x="89225" y="307627"/>
                      <a:pt x="131682" y="278720"/>
                    </a:cubicBezTo>
                    <a:lnTo>
                      <a:pt x="183171" y="244394"/>
                    </a:lnTo>
                    <a:cubicBezTo>
                      <a:pt x="191301" y="238974"/>
                      <a:pt x="205754" y="238974"/>
                      <a:pt x="212077" y="247104"/>
                    </a:cubicBezTo>
                    <a:cubicBezTo>
                      <a:pt x="220207" y="255234"/>
                      <a:pt x="220207" y="269687"/>
                      <a:pt x="212077" y="278720"/>
                    </a:cubicBezTo>
                    <a:lnTo>
                      <a:pt x="140715" y="352793"/>
                    </a:lnTo>
                    <a:cubicBezTo>
                      <a:pt x="135295" y="358213"/>
                      <a:pt x="135295" y="367246"/>
                      <a:pt x="140715" y="372666"/>
                    </a:cubicBezTo>
                    <a:cubicBezTo>
                      <a:pt x="146135" y="378085"/>
                      <a:pt x="155168" y="378085"/>
                      <a:pt x="160588" y="372666"/>
                    </a:cubicBezTo>
                    <a:cubicBezTo>
                      <a:pt x="160588" y="372666"/>
                      <a:pt x="220207" y="309433"/>
                      <a:pt x="229240" y="298594"/>
                    </a:cubicBezTo>
                    <a:lnTo>
                      <a:pt x="231950" y="295883"/>
                    </a:lnTo>
                    <a:cubicBezTo>
                      <a:pt x="249113" y="276011"/>
                      <a:pt x="257243" y="253428"/>
                      <a:pt x="257243" y="227231"/>
                    </a:cubicBezTo>
                    <a:lnTo>
                      <a:pt x="257243" y="47470"/>
                    </a:lnTo>
                    <a:cubicBezTo>
                      <a:pt x="257243" y="39340"/>
                      <a:pt x="262663" y="30307"/>
                      <a:pt x="271696" y="27597"/>
                    </a:cubicBezTo>
                    <a:cubicBezTo>
                      <a:pt x="277116" y="27597"/>
                      <a:pt x="283439" y="27597"/>
                      <a:pt x="288860" y="30307"/>
                    </a:cubicBezTo>
                    <a:cubicBezTo>
                      <a:pt x="294279" y="33017"/>
                      <a:pt x="296989" y="38437"/>
                      <a:pt x="296989" y="44759"/>
                    </a:cubicBezTo>
                    <a:lnTo>
                      <a:pt x="296989" y="270590"/>
                    </a:lnTo>
                    <a:cubicBezTo>
                      <a:pt x="296989" y="293173"/>
                      <a:pt x="288860" y="316660"/>
                      <a:pt x="277116" y="336533"/>
                    </a:cubicBezTo>
                    <a:lnTo>
                      <a:pt x="166008" y="491001"/>
                    </a:lnTo>
                    <a:cubicBezTo>
                      <a:pt x="160588" y="496420"/>
                      <a:pt x="163298" y="505453"/>
                      <a:pt x="168718" y="510874"/>
                    </a:cubicBezTo>
                    <a:cubicBezTo>
                      <a:pt x="171428" y="513584"/>
                      <a:pt x="174138" y="513584"/>
                      <a:pt x="176848" y="513584"/>
                    </a:cubicBezTo>
                    <a:cubicBezTo>
                      <a:pt x="182267" y="513584"/>
                      <a:pt x="184978" y="510874"/>
                      <a:pt x="188591" y="508164"/>
                    </a:cubicBezTo>
                    <a:lnTo>
                      <a:pt x="299699" y="353696"/>
                    </a:lnTo>
                    <a:cubicBezTo>
                      <a:pt x="316862" y="331113"/>
                      <a:pt x="324993" y="302206"/>
                      <a:pt x="324993" y="270590"/>
                    </a:cubicBezTo>
                    <a:lnTo>
                      <a:pt x="324993" y="44759"/>
                    </a:lnTo>
                    <a:cubicBezTo>
                      <a:pt x="329509" y="32114"/>
                      <a:pt x="320476" y="17660"/>
                      <a:pt x="308732" y="9531"/>
                    </a:cubicBezTo>
                    <a:close/>
                  </a:path>
                </a:pathLst>
              </a:custGeom>
              <a:solidFill>
                <a:srgbClr val="7FCCC7"/>
              </a:solidFill>
              <a:ln w="9028" cap="flat">
                <a:noFill/>
                <a:prstDash val="solid"/>
                <a:miter/>
              </a:ln>
            </p:spPr>
            <p:txBody>
              <a:bodyPr rtlCol="0" anchor="ctr"/>
              <a:lstStyle/>
              <a:p>
                <a:endParaRPr lang="en-GB"/>
              </a:p>
            </p:txBody>
          </p:sp>
          <p:sp>
            <p:nvSpPr>
              <p:cNvPr id="36" name="Freeform 35">
                <a:extLst>
                  <a:ext uri="{FF2B5EF4-FFF2-40B4-BE49-F238E27FC236}">
                    <a16:creationId xmlns:a16="http://schemas.microsoft.com/office/drawing/2014/main" id="{E0DD7242-2874-5845-B635-FF52BAADE5B1}"/>
                  </a:ext>
                </a:extLst>
              </p:cNvPr>
              <p:cNvSpPr/>
              <p:nvPr/>
            </p:nvSpPr>
            <p:spPr>
              <a:xfrm>
                <a:off x="137305" y="75879"/>
                <a:ext cx="477856" cy="383008"/>
              </a:xfrm>
              <a:custGeom>
                <a:avLst/>
                <a:gdLst>
                  <a:gd name="connsiteX0" fmla="*/ 448047 w 477856"/>
                  <a:gd name="connsiteY0" fmla="*/ 284546 h 383008"/>
                  <a:gd name="connsiteX1" fmla="*/ 387525 w 477856"/>
                  <a:gd name="connsiteY1" fmla="*/ 284546 h 383008"/>
                  <a:gd name="connsiteX2" fmla="*/ 324292 w 477856"/>
                  <a:gd name="connsiteY2" fmla="*/ 233056 h 383008"/>
                  <a:gd name="connsiteX3" fmla="*/ 315259 w 477856"/>
                  <a:gd name="connsiteY3" fmla="*/ 230347 h 383008"/>
                  <a:gd name="connsiteX4" fmla="*/ 337842 w 477856"/>
                  <a:gd name="connsiteY4" fmla="*/ 224927 h 383008"/>
                  <a:gd name="connsiteX5" fmla="*/ 343262 w 477856"/>
                  <a:gd name="connsiteY5" fmla="*/ 222217 h 383008"/>
                  <a:gd name="connsiteX6" fmla="*/ 348682 w 477856"/>
                  <a:gd name="connsiteY6" fmla="*/ 210473 h 383008"/>
                  <a:gd name="connsiteX7" fmla="*/ 348682 w 477856"/>
                  <a:gd name="connsiteY7" fmla="*/ 205054 h 383008"/>
                  <a:gd name="connsiteX8" fmla="*/ 357715 w 477856"/>
                  <a:gd name="connsiteY8" fmla="*/ 205054 h 383008"/>
                  <a:gd name="connsiteX9" fmla="*/ 366748 w 477856"/>
                  <a:gd name="connsiteY9" fmla="*/ 205054 h 383008"/>
                  <a:gd name="connsiteX10" fmla="*/ 366748 w 477856"/>
                  <a:gd name="connsiteY10" fmla="*/ 210473 h 383008"/>
                  <a:gd name="connsiteX11" fmla="*/ 378491 w 477856"/>
                  <a:gd name="connsiteY11" fmla="*/ 224927 h 383008"/>
                  <a:gd name="connsiteX12" fmla="*/ 415528 w 477856"/>
                  <a:gd name="connsiteY12" fmla="*/ 233056 h 383008"/>
                  <a:gd name="connsiteX13" fmla="*/ 447144 w 477856"/>
                  <a:gd name="connsiteY13" fmla="*/ 270093 h 383008"/>
                  <a:gd name="connsiteX14" fmla="*/ 447144 w 477856"/>
                  <a:gd name="connsiteY14" fmla="*/ 284546 h 383008"/>
                  <a:gd name="connsiteX15" fmla="*/ 284546 w 477856"/>
                  <a:gd name="connsiteY15" fmla="*/ 207764 h 383008"/>
                  <a:gd name="connsiteX16" fmla="*/ 284546 w 477856"/>
                  <a:gd name="connsiteY16" fmla="*/ 207764 h 383008"/>
                  <a:gd name="connsiteX17" fmla="*/ 310742 w 477856"/>
                  <a:gd name="connsiteY17" fmla="*/ 182471 h 383008"/>
                  <a:gd name="connsiteX18" fmla="*/ 322486 w 477856"/>
                  <a:gd name="connsiteY18" fmla="*/ 194214 h 383008"/>
                  <a:gd name="connsiteX19" fmla="*/ 322486 w 477856"/>
                  <a:gd name="connsiteY19" fmla="*/ 199634 h 383008"/>
                  <a:gd name="connsiteX20" fmla="*/ 296289 w 477856"/>
                  <a:gd name="connsiteY20" fmla="*/ 205054 h 383008"/>
                  <a:gd name="connsiteX21" fmla="*/ 284546 w 477856"/>
                  <a:gd name="connsiteY21" fmla="*/ 207764 h 383008"/>
                  <a:gd name="connsiteX22" fmla="*/ 238477 w 477856"/>
                  <a:gd name="connsiteY22" fmla="*/ 193311 h 383008"/>
                  <a:gd name="connsiteX23" fmla="*/ 180664 w 477856"/>
                  <a:gd name="connsiteY23" fmla="*/ 136401 h 383008"/>
                  <a:gd name="connsiteX24" fmla="*/ 180664 w 477856"/>
                  <a:gd name="connsiteY24" fmla="*/ 121948 h 383008"/>
                  <a:gd name="connsiteX25" fmla="*/ 200537 w 477856"/>
                  <a:gd name="connsiteY25" fmla="*/ 121948 h 383008"/>
                  <a:gd name="connsiteX26" fmla="*/ 263770 w 477856"/>
                  <a:gd name="connsiteY26" fmla="*/ 99365 h 383008"/>
                  <a:gd name="connsiteX27" fmla="*/ 295386 w 477856"/>
                  <a:gd name="connsiteY27" fmla="*/ 116529 h 383008"/>
                  <a:gd name="connsiteX28" fmla="*/ 295386 w 477856"/>
                  <a:gd name="connsiteY28" fmla="*/ 139112 h 383008"/>
                  <a:gd name="connsiteX29" fmla="*/ 238477 w 477856"/>
                  <a:gd name="connsiteY29" fmla="*/ 193311 h 383008"/>
                  <a:gd name="connsiteX30" fmla="*/ 255640 w 477856"/>
                  <a:gd name="connsiteY30" fmla="*/ 230347 h 383008"/>
                  <a:gd name="connsiteX31" fmla="*/ 238477 w 477856"/>
                  <a:gd name="connsiteY31" fmla="*/ 270093 h 383008"/>
                  <a:gd name="connsiteX32" fmla="*/ 221314 w 477856"/>
                  <a:gd name="connsiteY32" fmla="*/ 230347 h 383008"/>
                  <a:gd name="connsiteX33" fmla="*/ 221314 w 477856"/>
                  <a:gd name="connsiteY33" fmla="*/ 218603 h 383008"/>
                  <a:gd name="connsiteX34" fmla="*/ 238477 w 477856"/>
                  <a:gd name="connsiteY34" fmla="*/ 221314 h 383008"/>
                  <a:gd name="connsiteX35" fmla="*/ 255640 w 477856"/>
                  <a:gd name="connsiteY35" fmla="*/ 218603 h 383008"/>
                  <a:gd name="connsiteX36" fmla="*/ 255640 w 477856"/>
                  <a:gd name="connsiteY36" fmla="*/ 230347 h 383008"/>
                  <a:gd name="connsiteX37" fmla="*/ 193310 w 477856"/>
                  <a:gd name="connsiteY37" fmla="*/ 207764 h 383008"/>
                  <a:gd name="connsiteX38" fmla="*/ 181567 w 477856"/>
                  <a:gd name="connsiteY38" fmla="*/ 205054 h 383008"/>
                  <a:gd name="connsiteX39" fmla="*/ 155371 w 477856"/>
                  <a:gd name="connsiteY39" fmla="*/ 199634 h 383008"/>
                  <a:gd name="connsiteX40" fmla="*/ 155371 w 477856"/>
                  <a:gd name="connsiteY40" fmla="*/ 194214 h 383008"/>
                  <a:gd name="connsiteX41" fmla="*/ 167114 w 477856"/>
                  <a:gd name="connsiteY41" fmla="*/ 182471 h 383008"/>
                  <a:gd name="connsiteX42" fmla="*/ 193310 w 477856"/>
                  <a:gd name="connsiteY42" fmla="*/ 207764 h 383008"/>
                  <a:gd name="connsiteX43" fmla="*/ 149951 w 477856"/>
                  <a:gd name="connsiteY43" fmla="*/ 230347 h 383008"/>
                  <a:gd name="connsiteX44" fmla="*/ 86719 w 477856"/>
                  <a:gd name="connsiteY44" fmla="*/ 281836 h 383008"/>
                  <a:gd name="connsiteX45" fmla="*/ 26196 w 477856"/>
                  <a:gd name="connsiteY45" fmla="*/ 281836 h 383008"/>
                  <a:gd name="connsiteX46" fmla="*/ 26196 w 477856"/>
                  <a:gd name="connsiteY46" fmla="*/ 270093 h 383008"/>
                  <a:gd name="connsiteX47" fmla="*/ 57812 w 477856"/>
                  <a:gd name="connsiteY47" fmla="*/ 233056 h 383008"/>
                  <a:gd name="connsiteX48" fmla="*/ 94849 w 477856"/>
                  <a:gd name="connsiteY48" fmla="*/ 224927 h 383008"/>
                  <a:gd name="connsiteX49" fmla="*/ 106592 w 477856"/>
                  <a:gd name="connsiteY49" fmla="*/ 210473 h 383008"/>
                  <a:gd name="connsiteX50" fmla="*/ 106592 w 477856"/>
                  <a:gd name="connsiteY50" fmla="*/ 205054 h 383008"/>
                  <a:gd name="connsiteX51" fmla="*/ 115625 w 477856"/>
                  <a:gd name="connsiteY51" fmla="*/ 205054 h 383008"/>
                  <a:gd name="connsiteX52" fmla="*/ 124658 w 477856"/>
                  <a:gd name="connsiteY52" fmla="*/ 205054 h 383008"/>
                  <a:gd name="connsiteX53" fmla="*/ 124658 w 477856"/>
                  <a:gd name="connsiteY53" fmla="*/ 207764 h 383008"/>
                  <a:gd name="connsiteX54" fmla="*/ 130078 w 477856"/>
                  <a:gd name="connsiteY54" fmla="*/ 219506 h 383008"/>
                  <a:gd name="connsiteX55" fmla="*/ 135498 w 477856"/>
                  <a:gd name="connsiteY55" fmla="*/ 222217 h 383008"/>
                  <a:gd name="connsiteX56" fmla="*/ 158081 w 477856"/>
                  <a:gd name="connsiteY56" fmla="*/ 227637 h 383008"/>
                  <a:gd name="connsiteX57" fmla="*/ 149951 w 477856"/>
                  <a:gd name="connsiteY57" fmla="*/ 230347 h 383008"/>
                  <a:gd name="connsiteX58" fmla="*/ 81299 w 477856"/>
                  <a:gd name="connsiteY58" fmla="*/ 133691 h 383008"/>
                  <a:gd name="connsiteX59" fmla="*/ 101172 w 477856"/>
                  <a:gd name="connsiteY59" fmla="*/ 133691 h 383008"/>
                  <a:gd name="connsiteX60" fmla="*/ 152661 w 477856"/>
                  <a:gd name="connsiteY60" fmla="*/ 121948 h 383008"/>
                  <a:gd name="connsiteX61" fmla="*/ 152661 w 477856"/>
                  <a:gd name="connsiteY61" fmla="*/ 139112 h 383008"/>
                  <a:gd name="connsiteX62" fmla="*/ 115625 w 477856"/>
                  <a:gd name="connsiteY62" fmla="*/ 176148 h 383008"/>
                  <a:gd name="connsiteX63" fmla="*/ 78589 w 477856"/>
                  <a:gd name="connsiteY63" fmla="*/ 139112 h 383008"/>
                  <a:gd name="connsiteX64" fmla="*/ 78589 w 477856"/>
                  <a:gd name="connsiteY64" fmla="*/ 133691 h 383008"/>
                  <a:gd name="connsiteX65" fmla="*/ 81299 w 477856"/>
                  <a:gd name="connsiteY65" fmla="*/ 133691 h 383008"/>
                  <a:gd name="connsiteX66" fmla="*/ 115625 w 477856"/>
                  <a:gd name="connsiteY66" fmla="*/ 70458 h 383008"/>
                  <a:gd name="connsiteX67" fmla="*/ 149951 w 477856"/>
                  <a:gd name="connsiteY67" fmla="*/ 93041 h 383008"/>
                  <a:gd name="connsiteX68" fmla="*/ 101172 w 477856"/>
                  <a:gd name="connsiteY68" fmla="*/ 104785 h 383008"/>
                  <a:gd name="connsiteX69" fmla="*/ 81299 w 477856"/>
                  <a:gd name="connsiteY69" fmla="*/ 104785 h 383008"/>
                  <a:gd name="connsiteX70" fmla="*/ 115625 w 477856"/>
                  <a:gd name="connsiteY70" fmla="*/ 70458 h 383008"/>
                  <a:gd name="connsiteX71" fmla="*/ 181567 w 477856"/>
                  <a:gd name="connsiteY71" fmla="*/ 87622 h 383008"/>
                  <a:gd name="connsiteX72" fmla="*/ 181567 w 477856"/>
                  <a:gd name="connsiteY72" fmla="*/ 87622 h 383008"/>
                  <a:gd name="connsiteX73" fmla="*/ 239380 w 477856"/>
                  <a:gd name="connsiteY73" fmla="*/ 30713 h 383008"/>
                  <a:gd name="connsiteX74" fmla="*/ 293579 w 477856"/>
                  <a:gd name="connsiteY74" fmla="*/ 79492 h 383008"/>
                  <a:gd name="connsiteX75" fmla="*/ 267383 w 477856"/>
                  <a:gd name="connsiteY75" fmla="*/ 65039 h 383008"/>
                  <a:gd name="connsiteX76" fmla="*/ 247510 w 477856"/>
                  <a:gd name="connsiteY76" fmla="*/ 67749 h 383008"/>
                  <a:gd name="connsiteX77" fmla="*/ 198731 w 477856"/>
                  <a:gd name="connsiteY77" fmla="*/ 90332 h 383008"/>
                  <a:gd name="connsiteX78" fmla="*/ 181567 w 477856"/>
                  <a:gd name="connsiteY78" fmla="*/ 87622 h 383008"/>
                  <a:gd name="connsiteX79" fmla="*/ 325196 w 477856"/>
                  <a:gd name="connsiteY79" fmla="*/ 139112 h 383008"/>
                  <a:gd name="connsiteX80" fmla="*/ 325196 w 477856"/>
                  <a:gd name="connsiteY80" fmla="*/ 139112 h 383008"/>
                  <a:gd name="connsiteX81" fmla="*/ 325196 w 477856"/>
                  <a:gd name="connsiteY81" fmla="*/ 124658 h 383008"/>
                  <a:gd name="connsiteX82" fmla="*/ 376685 w 477856"/>
                  <a:gd name="connsiteY82" fmla="*/ 136401 h 383008"/>
                  <a:gd name="connsiteX83" fmla="*/ 396558 w 477856"/>
                  <a:gd name="connsiteY83" fmla="*/ 136401 h 383008"/>
                  <a:gd name="connsiteX84" fmla="*/ 396558 w 477856"/>
                  <a:gd name="connsiteY84" fmla="*/ 141821 h 383008"/>
                  <a:gd name="connsiteX85" fmla="*/ 359522 w 477856"/>
                  <a:gd name="connsiteY85" fmla="*/ 178857 h 383008"/>
                  <a:gd name="connsiteX86" fmla="*/ 325196 w 477856"/>
                  <a:gd name="connsiteY86" fmla="*/ 139112 h 383008"/>
                  <a:gd name="connsiteX87" fmla="*/ 359522 w 477856"/>
                  <a:gd name="connsiteY87" fmla="*/ 70458 h 383008"/>
                  <a:gd name="connsiteX88" fmla="*/ 396558 w 477856"/>
                  <a:gd name="connsiteY88" fmla="*/ 104785 h 383008"/>
                  <a:gd name="connsiteX89" fmla="*/ 376685 w 477856"/>
                  <a:gd name="connsiteY89" fmla="*/ 104785 h 383008"/>
                  <a:gd name="connsiteX90" fmla="*/ 327906 w 477856"/>
                  <a:gd name="connsiteY90" fmla="*/ 93041 h 383008"/>
                  <a:gd name="connsiteX91" fmla="*/ 359522 w 477856"/>
                  <a:gd name="connsiteY91" fmla="*/ 70458 h 383008"/>
                  <a:gd name="connsiteX92" fmla="*/ 425464 w 477856"/>
                  <a:gd name="connsiteY92" fmla="*/ 205054 h 383008"/>
                  <a:gd name="connsiteX93" fmla="*/ 399268 w 477856"/>
                  <a:gd name="connsiteY93" fmla="*/ 199634 h 383008"/>
                  <a:gd name="connsiteX94" fmla="*/ 399268 w 477856"/>
                  <a:gd name="connsiteY94" fmla="*/ 194214 h 383008"/>
                  <a:gd name="connsiteX95" fmla="*/ 428174 w 477856"/>
                  <a:gd name="connsiteY95" fmla="*/ 140015 h 383008"/>
                  <a:gd name="connsiteX96" fmla="*/ 428174 w 477856"/>
                  <a:gd name="connsiteY96" fmla="*/ 105688 h 383008"/>
                  <a:gd name="connsiteX97" fmla="*/ 362232 w 477856"/>
                  <a:gd name="connsiteY97" fmla="*/ 39746 h 383008"/>
                  <a:gd name="connsiteX98" fmla="*/ 318872 w 477856"/>
                  <a:gd name="connsiteY98" fmla="*/ 54199 h 383008"/>
                  <a:gd name="connsiteX99" fmla="*/ 238477 w 477856"/>
                  <a:gd name="connsiteY99" fmla="*/ 0 h 383008"/>
                  <a:gd name="connsiteX100" fmla="*/ 158081 w 477856"/>
                  <a:gd name="connsiteY100" fmla="*/ 54199 h 383008"/>
                  <a:gd name="connsiteX101" fmla="*/ 114722 w 477856"/>
                  <a:gd name="connsiteY101" fmla="*/ 37036 h 383008"/>
                  <a:gd name="connsiteX102" fmla="*/ 48779 w 477856"/>
                  <a:gd name="connsiteY102" fmla="*/ 102979 h 383008"/>
                  <a:gd name="connsiteX103" fmla="*/ 48779 w 477856"/>
                  <a:gd name="connsiteY103" fmla="*/ 105688 h 383008"/>
                  <a:gd name="connsiteX104" fmla="*/ 48779 w 477856"/>
                  <a:gd name="connsiteY104" fmla="*/ 137304 h 383008"/>
                  <a:gd name="connsiteX105" fmla="*/ 77685 w 477856"/>
                  <a:gd name="connsiteY105" fmla="*/ 191504 h 383008"/>
                  <a:gd name="connsiteX106" fmla="*/ 77685 w 477856"/>
                  <a:gd name="connsiteY106" fmla="*/ 196923 h 383008"/>
                  <a:gd name="connsiteX107" fmla="*/ 51489 w 477856"/>
                  <a:gd name="connsiteY107" fmla="*/ 202344 h 383008"/>
                  <a:gd name="connsiteX108" fmla="*/ 0 w 477856"/>
                  <a:gd name="connsiteY108" fmla="*/ 268286 h 383008"/>
                  <a:gd name="connsiteX109" fmla="*/ 0 w 477856"/>
                  <a:gd name="connsiteY109" fmla="*/ 297193 h 383008"/>
                  <a:gd name="connsiteX110" fmla="*/ 14453 w 477856"/>
                  <a:gd name="connsiteY110" fmla="*/ 311646 h 383008"/>
                  <a:gd name="connsiteX111" fmla="*/ 80395 w 477856"/>
                  <a:gd name="connsiteY111" fmla="*/ 311646 h 383008"/>
                  <a:gd name="connsiteX112" fmla="*/ 80395 w 477856"/>
                  <a:gd name="connsiteY112" fmla="*/ 317066 h 383008"/>
                  <a:gd name="connsiteX113" fmla="*/ 80395 w 477856"/>
                  <a:gd name="connsiteY113" fmla="*/ 368555 h 383008"/>
                  <a:gd name="connsiteX114" fmla="*/ 94849 w 477856"/>
                  <a:gd name="connsiteY114" fmla="*/ 383009 h 383008"/>
                  <a:gd name="connsiteX115" fmla="*/ 184277 w 477856"/>
                  <a:gd name="connsiteY115" fmla="*/ 383009 h 383008"/>
                  <a:gd name="connsiteX116" fmla="*/ 198731 w 477856"/>
                  <a:gd name="connsiteY116" fmla="*/ 368555 h 383008"/>
                  <a:gd name="connsiteX117" fmla="*/ 184277 w 477856"/>
                  <a:gd name="connsiteY117" fmla="*/ 354102 h 383008"/>
                  <a:gd name="connsiteX118" fmla="*/ 169824 w 477856"/>
                  <a:gd name="connsiteY118" fmla="*/ 354102 h 383008"/>
                  <a:gd name="connsiteX119" fmla="*/ 169824 w 477856"/>
                  <a:gd name="connsiteY119" fmla="*/ 322485 h 383008"/>
                  <a:gd name="connsiteX120" fmla="*/ 155371 w 477856"/>
                  <a:gd name="connsiteY120" fmla="*/ 308032 h 383008"/>
                  <a:gd name="connsiteX121" fmla="*/ 140918 w 477856"/>
                  <a:gd name="connsiteY121" fmla="*/ 322485 h 383008"/>
                  <a:gd name="connsiteX122" fmla="*/ 140918 w 477856"/>
                  <a:gd name="connsiteY122" fmla="*/ 354102 h 383008"/>
                  <a:gd name="connsiteX123" fmla="*/ 112012 w 477856"/>
                  <a:gd name="connsiteY123" fmla="*/ 354102 h 383008"/>
                  <a:gd name="connsiteX124" fmla="*/ 112012 w 477856"/>
                  <a:gd name="connsiteY124" fmla="*/ 317066 h 383008"/>
                  <a:gd name="connsiteX125" fmla="*/ 158081 w 477856"/>
                  <a:gd name="connsiteY125" fmla="*/ 257447 h 383008"/>
                  <a:gd name="connsiteX126" fmla="*/ 197827 w 477856"/>
                  <a:gd name="connsiteY126" fmla="*/ 249317 h 383008"/>
                  <a:gd name="connsiteX127" fmla="*/ 224024 w 477856"/>
                  <a:gd name="connsiteY127" fmla="*/ 308936 h 383008"/>
                  <a:gd name="connsiteX128" fmla="*/ 238477 w 477856"/>
                  <a:gd name="connsiteY128" fmla="*/ 317066 h 383008"/>
                  <a:gd name="connsiteX129" fmla="*/ 252930 w 477856"/>
                  <a:gd name="connsiteY129" fmla="*/ 308936 h 383008"/>
                  <a:gd name="connsiteX130" fmla="*/ 279126 w 477856"/>
                  <a:gd name="connsiteY130" fmla="*/ 249317 h 383008"/>
                  <a:gd name="connsiteX131" fmla="*/ 319775 w 477856"/>
                  <a:gd name="connsiteY131" fmla="*/ 257447 h 383008"/>
                  <a:gd name="connsiteX132" fmla="*/ 365845 w 477856"/>
                  <a:gd name="connsiteY132" fmla="*/ 317066 h 383008"/>
                  <a:gd name="connsiteX133" fmla="*/ 365845 w 477856"/>
                  <a:gd name="connsiteY133" fmla="*/ 354102 h 383008"/>
                  <a:gd name="connsiteX134" fmla="*/ 336939 w 477856"/>
                  <a:gd name="connsiteY134" fmla="*/ 354102 h 383008"/>
                  <a:gd name="connsiteX135" fmla="*/ 336939 w 477856"/>
                  <a:gd name="connsiteY135" fmla="*/ 322485 h 383008"/>
                  <a:gd name="connsiteX136" fmla="*/ 322486 w 477856"/>
                  <a:gd name="connsiteY136" fmla="*/ 308032 h 383008"/>
                  <a:gd name="connsiteX137" fmla="*/ 308032 w 477856"/>
                  <a:gd name="connsiteY137" fmla="*/ 322485 h 383008"/>
                  <a:gd name="connsiteX138" fmla="*/ 308032 w 477856"/>
                  <a:gd name="connsiteY138" fmla="*/ 354102 h 383008"/>
                  <a:gd name="connsiteX139" fmla="*/ 290870 w 477856"/>
                  <a:gd name="connsiteY139" fmla="*/ 354102 h 383008"/>
                  <a:gd name="connsiteX140" fmla="*/ 276416 w 477856"/>
                  <a:gd name="connsiteY140" fmla="*/ 368555 h 383008"/>
                  <a:gd name="connsiteX141" fmla="*/ 290870 w 477856"/>
                  <a:gd name="connsiteY141" fmla="*/ 383009 h 383008"/>
                  <a:gd name="connsiteX142" fmla="*/ 380298 w 477856"/>
                  <a:gd name="connsiteY142" fmla="*/ 383009 h 383008"/>
                  <a:gd name="connsiteX143" fmla="*/ 394752 w 477856"/>
                  <a:gd name="connsiteY143" fmla="*/ 368555 h 383008"/>
                  <a:gd name="connsiteX144" fmla="*/ 394752 w 477856"/>
                  <a:gd name="connsiteY144" fmla="*/ 317066 h 383008"/>
                  <a:gd name="connsiteX145" fmla="*/ 394752 w 477856"/>
                  <a:gd name="connsiteY145" fmla="*/ 311646 h 383008"/>
                  <a:gd name="connsiteX146" fmla="*/ 463404 w 477856"/>
                  <a:gd name="connsiteY146" fmla="*/ 311646 h 383008"/>
                  <a:gd name="connsiteX147" fmla="*/ 477857 w 477856"/>
                  <a:gd name="connsiteY147" fmla="*/ 297193 h 383008"/>
                  <a:gd name="connsiteX148" fmla="*/ 477857 w 477856"/>
                  <a:gd name="connsiteY148" fmla="*/ 268286 h 383008"/>
                  <a:gd name="connsiteX149" fmla="*/ 425464 w 477856"/>
                  <a:gd name="connsiteY149" fmla="*/ 205054 h 3830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Lst>
                <a:rect l="l" t="t" r="r" b="b"/>
                <a:pathLst>
                  <a:path w="477856" h="383008">
                    <a:moveTo>
                      <a:pt x="448047" y="284546"/>
                    </a:moveTo>
                    <a:lnTo>
                      <a:pt x="387525" y="284546"/>
                    </a:lnTo>
                    <a:cubicBezTo>
                      <a:pt x="375782" y="259253"/>
                      <a:pt x="353198" y="238477"/>
                      <a:pt x="324292" y="233056"/>
                    </a:cubicBezTo>
                    <a:lnTo>
                      <a:pt x="315259" y="230347"/>
                    </a:lnTo>
                    <a:lnTo>
                      <a:pt x="337842" y="224927"/>
                    </a:lnTo>
                    <a:cubicBezTo>
                      <a:pt x="340552" y="224927"/>
                      <a:pt x="340552" y="224927"/>
                      <a:pt x="343262" y="222217"/>
                    </a:cubicBezTo>
                    <a:cubicBezTo>
                      <a:pt x="348682" y="219506"/>
                      <a:pt x="348682" y="214087"/>
                      <a:pt x="348682" y="210473"/>
                    </a:cubicBezTo>
                    <a:lnTo>
                      <a:pt x="348682" y="205054"/>
                    </a:lnTo>
                    <a:cubicBezTo>
                      <a:pt x="351392" y="205054"/>
                      <a:pt x="354102" y="205054"/>
                      <a:pt x="357715" y="205054"/>
                    </a:cubicBezTo>
                    <a:cubicBezTo>
                      <a:pt x="361329" y="205054"/>
                      <a:pt x="363135" y="205054"/>
                      <a:pt x="366748" y="205054"/>
                    </a:cubicBezTo>
                    <a:lnTo>
                      <a:pt x="366748" y="210473"/>
                    </a:lnTo>
                    <a:cubicBezTo>
                      <a:pt x="366748" y="215894"/>
                      <a:pt x="372169" y="222217"/>
                      <a:pt x="378491" y="224927"/>
                    </a:cubicBezTo>
                    <a:lnTo>
                      <a:pt x="415528" y="233056"/>
                    </a:lnTo>
                    <a:cubicBezTo>
                      <a:pt x="432691" y="235767"/>
                      <a:pt x="447144" y="252930"/>
                      <a:pt x="447144" y="270093"/>
                    </a:cubicBezTo>
                    <a:lnTo>
                      <a:pt x="447144" y="284546"/>
                    </a:lnTo>
                    <a:close/>
                    <a:moveTo>
                      <a:pt x="284546" y="207764"/>
                    </a:moveTo>
                    <a:lnTo>
                      <a:pt x="284546" y="207764"/>
                    </a:lnTo>
                    <a:cubicBezTo>
                      <a:pt x="296289" y="199634"/>
                      <a:pt x="304419" y="190601"/>
                      <a:pt x="310742" y="182471"/>
                    </a:cubicBezTo>
                    <a:cubicBezTo>
                      <a:pt x="313453" y="187890"/>
                      <a:pt x="319775" y="190601"/>
                      <a:pt x="322486" y="194214"/>
                    </a:cubicBezTo>
                    <a:lnTo>
                      <a:pt x="322486" y="199634"/>
                    </a:lnTo>
                    <a:lnTo>
                      <a:pt x="296289" y="205054"/>
                    </a:lnTo>
                    <a:cubicBezTo>
                      <a:pt x="293579" y="205054"/>
                      <a:pt x="287256" y="207764"/>
                      <a:pt x="284546" y="207764"/>
                    </a:cubicBezTo>
                    <a:close/>
                    <a:moveTo>
                      <a:pt x="238477" y="193311"/>
                    </a:moveTo>
                    <a:cubicBezTo>
                      <a:pt x="206860" y="193311"/>
                      <a:pt x="180664" y="168018"/>
                      <a:pt x="180664" y="136401"/>
                    </a:cubicBezTo>
                    <a:lnTo>
                      <a:pt x="180664" y="121948"/>
                    </a:lnTo>
                    <a:lnTo>
                      <a:pt x="200537" y="121948"/>
                    </a:lnTo>
                    <a:cubicBezTo>
                      <a:pt x="223121" y="121948"/>
                      <a:pt x="246607" y="113818"/>
                      <a:pt x="263770" y="99365"/>
                    </a:cubicBezTo>
                    <a:lnTo>
                      <a:pt x="295386" y="116529"/>
                    </a:lnTo>
                    <a:lnTo>
                      <a:pt x="295386" y="139112"/>
                    </a:lnTo>
                    <a:cubicBezTo>
                      <a:pt x="293579" y="168018"/>
                      <a:pt x="270093" y="193311"/>
                      <a:pt x="238477" y="193311"/>
                    </a:cubicBezTo>
                    <a:close/>
                    <a:moveTo>
                      <a:pt x="255640" y="230347"/>
                    </a:moveTo>
                    <a:lnTo>
                      <a:pt x="238477" y="270093"/>
                    </a:lnTo>
                    <a:lnTo>
                      <a:pt x="221314" y="230347"/>
                    </a:lnTo>
                    <a:lnTo>
                      <a:pt x="221314" y="218603"/>
                    </a:lnTo>
                    <a:cubicBezTo>
                      <a:pt x="226733" y="218603"/>
                      <a:pt x="233057" y="221314"/>
                      <a:pt x="238477" y="221314"/>
                    </a:cubicBezTo>
                    <a:cubicBezTo>
                      <a:pt x="243897" y="221314"/>
                      <a:pt x="250220" y="221314"/>
                      <a:pt x="255640" y="218603"/>
                    </a:cubicBezTo>
                    <a:lnTo>
                      <a:pt x="255640" y="230347"/>
                    </a:lnTo>
                    <a:close/>
                    <a:moveTo>
                      <a:pt x="193310" y="207764"/>
                    </a:moveTo>
                    <a:cubicBezTo>
                      <a:pt x="190601" y="205054"/>
                      <a:pt x="184277" y="205054"/>
                      <a:pt x="181567" y="205054"/>
                    </a:cubicBezTo>
                    <a:lnTo>
                      <a:pt x="155371" y="199634"/>
                    </a:lnTo>
                    <a:lnTo>
                      <a:pt x="155371" y="194214"/>
                    </a:lnTo>
                    <a:cubicBezTo>
                      <a:pt x="160791" y="191504"/>
                      <a:pt x="164405" y="186084"/>
                      <a:pt x="167114" y="182471"/>
                    </a:cubicBezTo>
                    <a:cubicBezTo>
                      <a:pt x="172534" y="193311"/>
                      <a:pt x="181567" y="202344"/>
                      <a:pt x="193310" y="207764"/>
                    </a:cubicBezTo>
                    <a:close/>
                    <a:moveTo>
                      <a:pt x="149951" y="230347"/>
                    </a:moveTo>
                    <a:cubicBezTo>
                      <a:pt x="121045" y="235767"/>
                      <a:pt x="98462" y="255639"/>
                      <a:pt x="86719" y="281836"/>
                    </a:cubicBezTo>
                    <a:lnTo>
                      <a:pt x="26196" y="281836"/>
                    </a:lnTo>
                    <a:lnTo>
                      <a:pt x="26196" y="270093"/>
                    </a:lnTo>
                    <a:cubicBezTo>
                      <a:pt x="26196" y="252930"/>
                      <a:pt x="37940" y="235767"/>
                      <a:pt x="57812" y="233056"/>
                    </a:cubicBezTo>
                    <a:lnTo>
                      <a:pt x="94849" y="224927"/>
                    </a:lnTo>
                    <a:cubicBezTo>
                      <a:pt x="100268" y="222217"/>
                      <a:pt x="106592" y="216797"/>
                      <a:pt x="106592" y="210473"/>
                    </a:cubicBezTo>
                    <a:lnTo>
                      <a:pt x="106592" y="205054"/>
                    </a:lnTo>
                    <a:cubicBezTo>
                      <a:pt x="109302" y="205054"/>
                      <a:pt x="112012" y="205054"/>
                      <a:pt x="115625" y="205054"/>
                    </a:cubicBezTo>
                    <a:cubicBezTo>
                      <a:pt x="118335" y="205054"/>
                      <a:pt x="121045" y="205054"/>
                      <a:pt x="124658" y="205054"/>
                    </a:cubicBezTo>
                    <a:lnTo>
                      <a:pt x="124658" y="207764"/>
                    </a:lnTo>
                    <a:cubicBezTo>
                      <a:pt x="124658" y="213184"/>
                      <a:pt x="127368" y="215894"/>
                      <a:pt x="130078" y="219506"/>
                    </a:cubicBezTo>
                    <a:cubicBezTo>
                      <a:pt x="132788" y="219506"/>
                      <a:pt x="132788" y="222217"/>
                      <a:pt x="135498" y="222217"/>
                    </a:cubicBezTo>
                    <a:lnTo>
                      <a:pt x="158081" y="227637"/>
                    </a:lnTo>
                    <a:lnTo>
                      <a:pt x="149951" y="230347"/>
                    </a:lnTo>
                    <a:close/>
                    <a:moveTo>
                      <a:pt x="81299" y="133691"/>
                    </a:moveTo>
                    <a:lnTo>
                      <a:pt x="101172" y="133691"/>
                    </a:lnTo>
                    <a:cubicBezTo>
                      <a:pt x="118335" y="133691"/>
                      <a:pt x="135498" y="130982"/>
                      <a:pt x="152661" y="121948"/>
                    </a:cubicBezTo>
                    <a:lnTo>
                      <a:pt x="152661" y="139112"/>
                    </a:lnTo>
                    <a:cubicBezTo>
                      <a:pt x="152661" y="158984"/>
                      <a:pt x="135498" y="176148"/>
                      <a:pt x="115625" y="176148"/>
                    </a:cubicBezTo>
                    <a:cubicBezTo>
                      <a:pt x="95752" y="176148"/>
                      <a:pt x="78589" y="158984"/>
                      <a:pt x="78589" y="139112"/>
                    </a:cubicBezTo>
                    <a:lnTo>
                      <a:pt x="78589" y="133691"/>
                    </a:lnTo>
                    <a:lnTo>
                      <a:pt x="81299" y="133691"/>
                    </a:lnTo>
                    <a:close/>
                    <a:moveTo>
                      <a:pt x="115625" y="70458"/>
                    </a:moveTo>
                    <a:cubicBezTo>
                      <a:pt x="130078" y="70458"/>
                      <a:pt x="144531" y="78589"/>
                      <a:pt x="149951" y="93041"/>
                    </a:cubicBezTo>
                    <a:cubicBezTo>
                      <a:pt x="135498" y="101172"/>
                      <a:pt x="118335" y="104785"/>
                      <a:pt x="101172" y="104785"/>
                    </a:cubicBezTo>
                    <a:lnTo>
                      <a:pt x="81299" y="104785"/>
                    </a:lnTo>
                    <a:cubicBezTo>
                      <a:pt x="81299" y="84912"/>
                      <a:pt x="98462" y="70458"/>
                      <a:pt x="115625" y="70458"/>
                    </a:cubicBezTo>
                    <a:close/>
                    <a:moveTo>
                      <a:pt x="181567" y="87622"/>
                    </a:moveTo>
                    <a:lnTo>
                      <a:pt x="181567" y="87622"/>
                    </a:lnTo>
                    <a:cubicBezTo>
                      <a:pt x="181567" y="56005"/>
                      <a:pt x="207764" y="30713"/>
                      <a:pt x="239380" y="30713"/>
                    </a:cubicBezTo>
                    <a:cubicBezTo>
                      <a:pt x="268287" y="30713"/>
                      <a:pt x="290870" y="50586"/>
                      <a:pt x="293579" y="79492"/>
                    </a:cubicBezTo>
                    <a:lnTo>
                      <a:pt x="267383" y="65039"/>
                    </a:lnTo>
                    <a:cubicBezTo>
                      <a:pt x="261963" y="62329"/>
                      <a:pt x="252930" y="62329"/>
                      <a:pt x="247510" y="67749"/>
                    </a:cubicBezTo>
                    <a:cubicBezTo>
                      <a:pt x="235767" y="82202"/>
                      <a:pt x="218604" y="90332"/>
                      <a:pt x="198731" y="90332"/>
                    </a:cubicBezTo>
                    <a:lnTo>
                      <a:pt x="181567" y="87622"/>
                    </a:lnTo>
                    <a:close/>
                    <a:moveTo>
                      <a:pt x="325196" y="139112"/>
                    </a:moveTo>
                    <a:cubicBezTo>
                      <a:pt x="325196" y="136401"/>
                      <a:pt x="325196" y="136401"/>
                      <a:pt x="325196" y="139112"/>
                    </a:cubicBezTo>
                    <a:lnTo>
                      <a:pt x="325196" y="124658"/>
                    </a:lnTo>
                    <a:cubicBezTo>
                      <a:pt x="342359" y="130079"/>
                      <a:pt x="359522" y="136401"/>
                      <a:pt x="376685" y="136401"/>
                    </a:cubicBezTo>
                    <a:lnTo>
                      <a:pt x="396558" y="136401"/>
                    </a:lnTo>
                    <a:lnTo>
                      <a:pt x="396558" y="141821"/>
                    </a:lnTo>
                    <a:cubicBezTo>
                      <a:pt x="396558" y="161695"/>
                      <a:pt x="379395" y="178857"/>
                      <a:pt x="359522" y="178857"/>
                    </a:cubicBezTo>
                    <a:cubicBezTo>
                      <a:pt x="339649" y="178857"/>
                      <a:pt x="325196" y="158984"/>
                      <a:pt x="325196" y="139112"/>
                    </a:cubicBezTo>
                    <a:close/>
                    <a:moveTo>
                      <a:pt x="359522" y="70458"/>
                    </a:moveTo>
                    <a:cubicBezTo>
                      <a:pt x="379395" y="70458"/>
                      <a:pt x="393848" y="84912"/>
                      <a:pt x="396558" y="104785"/>
                    </a:cubicBezTo>
                    <a:lnTo>
                      <a:pt x="376685" y="104785"/>
                    </a:lnTo>
                    <a:cubicBezTo>
                      <a:pt x="359522" y="104785"/>
                      <a:pt x="342359" y="102075"/>
                      <a:pt x="327906" y="93041"/>
                    </a:cubicBezTo>
                    <a:cubicBezTo>
                      <a:pt x="333325" y="79492"/>
                      <a:pt x="345069" y="70458"/>
                      <a:pt x="359522" y="70458"/>
                    </a:cubicBezTo>
                    <a:close/>
                    <a:moveTo>
                      <a:pt x="425464" y="205054"/>
                    </a:moveTo>
                    <a:lnTo>
                      <a:pt x="399268" y="199634"/>
                    </a:lnTo>
                    <a:lnTo>
                      <a:pt x="399268" y="194214"/>
                    </a:lnTo>
                    <a:cubicBezTo>
                      <a:pt x="416431" y="182471"/>
                      <a:pt x="428174" y="162598"/>
                      <a:pt x="428174" y="140015"/>
                    </a:cubicBezTo>
                    <a:lnTo>
                      <a:pt x="428174" y="105688"/>
                    </a:lnTo>
                    <a:cubicBezTo>
                      <a:pt x="428174" y="68652"/>
                      <a:pt x="399268" y="39746"/>
                      <a:pt x="362232" y="39746"/>
                    </a:cubicBezTo>
                    <a:cubicBezTo>
                      <a:pt x="345069" y="39746"/>
                      <a:pt x="330615" y="45166"/>
                      <a:pt x="318872" y="54199"/>
                    </a:cubicBezTo>
                    <a:cubicBezTo>
                      <a:pt x="307129" y="22583"/>
                      <a:pt x="275513" y="0"/>
                      <a:pt x="238477" y="0"/>
                    </a:cubicBezTo>
                    <a:cubicBezTo>
                      <a:pt x="204150" y="0"/>
                      <a:pt x="172534" y="22583"/>
                      <a:pt x="158081" y="54199"/>
                    </a:cubicBezTo>
                    <a:cubicBezTo>
                      <a:pt x="146338" y="46069"/>
                      <a:pt x="131885" y="37036"/>
                      <a:pt x="114722" y="37036"/>
                    </a:cubicBezTo>
                    <a:cubicBezTo>
                      <a:pt x="77685" y="37036"/>
                      <a:pt x="48779" y="65942"/>
                      <a:pt x="48779" y="102979"/>
                    </a:cubicBezTo>
                    <a:lnTo>
                      <a:pt x="48779" y="105688"/>
                    </a:lnTo>
                    <a:lnTo>
                      <a:pt x="48779" y="137304"/>
                    </a:lnTo>
                    <a:cubicBezTo>
                      <a:pt x="48779" y="159887"/>
                      <a:pt x="60523" y="179761"/>
                      <a:pt x="77685" y="191504"/>
                    </a:cubicBezTo>
                    <a:lnTo>
                      <a:pt x="77685" y="196923"/>
                    </a:lnTo>
                    <a:lnTo>
                      <a:pt x="51489" y="202344"/>
                    </a:lnTo>
                    <a:cubicBezTo>
                      <a:pt x="19873" y="210473"/>
                      <a:pt x="0" y="236670"/>
                      <a:pt x="0" y="268286"/>
                    </a:cubicBezTo>
                    <a:lnTo>
                      <a:pt x="0" y="297193"/>
                    </a:lnTo>
                    <a:cubicBezTo>
                      <a:pt x="0" y="305322"/>
                      <a:pt x="5420" y="311646"/>
                      <a:pt x="14453" y="311646"/>
                    </a:cubicBezTo>
                    <a:lnTo>
                      <a:pt x="80395" y="311646"/>
                    </a:lnTo>
                    <a:cubicBezTo>
                      <a:pt x="80395" y="314355"/>
                      <a:pt x="80395" y="314355"/>
                      <a:pt x="80395" y="317066"/>
                    </a:cubicBezTo>
                    <a:lnTo>
                      <a:pt x="80395" y="368555"/>
                    </a:lnTo>
                    <a:cubicBezTo>
                      <a:pt x="80395" y="376685"/>
                      <a:pt x="85816" y="383009"/>
                      <a:pt x="94849" y="383009"/>
                    </a:cubicBezTo>
                    <a:lnTo>
                      <a:pt x="184277" y="383009"/>
                    </a:lnTo>
                    <a:cubicBezTo>
                      <a:pt x="193310" y="383009"/>
                      <a:pt x="198731" y="377588"/>
                      <a:pt x="198731" y="368555"/>
                    </a:cubicBezTo>
                    <a:cubicBezTo>
                      <a:pt x="198731" y="360425"/>
                      <a:pt x="193310" y="354102"/>
                      <a:pt x="184277" y="354102"/>
                    </a:cubicBezTo>
                    <a:lnTo>
                      <a:pt x="169824" y="354102"/>
                    </a:lnTo>
                    <a:lnTo>
                      <a:pt x="169824" y="322485"/>
                    </a:lnTo>
                    <a:cubicBezTo>
                      <a:pt x="169824" y="314355"/>
                      <a:pt x="164405" y="308032"/>
                      <a:pt x="155371" y="308032"/>
                    </a:cubicBezTo>
                    <a:cubicBezTo>
                      <a:pt x="146338" y="308032"/>
                      <a:pt x="140918" y="313452"/>
                      <a:pt x="140918" y="322485"/>
                    </a:cubicBezTo>
                    <a:lnTo>
                      <a:pt x="140918" y="354102"/>
                    </a:lnTo>
                    <a:lnTo>
                      <a:pt x="112012" y="354102"/>
                    </a:lnTo>
                    <a:lnTo>
                      <a:pt x="112012" y="317066"/>
                    </a:lnTo>
                    <a:cubicBezTo>
                      <a:pt x="112012" y="288160"/>
                      <a:pt x="131885" y="265577"/>
                      <a:pt x="158081" y="257447"/>
                    </a:cubicBezTo>
                    <a:lnTo>
                      <a:pt x="197827" y="249317"/>
                    </a:lnTo>
                    <a:lnTo>
                      <a:pt x="224024" y="308936"/>
                    </a:lnTo>
                    <a:cubicBezTo>
                      <a:pt x="226733" y="314355"/>
                      <a:pt x="233057" y="317066"/>
                      <a:pt x="238477" y="317066"/>
                    </a:cubicBezTo>
                    <a:cubicBezTo>
                      <a:pt x="243897" y="317066"/>
                      <a:pt x="250220" y="314355"/>
                      <a:pt x="252930" y="308936"/>
                    </a:cubicBezTo>
                    <a:lnTo>
                      <a:pt x="279126" y="249317"/>
                    </a:lnTo>
                    <a:lnTo>
                      <a:pt x="319775" y="257447"/>
                    </a:lnTo>
                    <a:cubicBezTo>
                      <a:pt x="348682" y="262866"/>
                      <a:pt x="365845" y="289063"/>
                      <a:pt x="365845" y="317066"/>
                    </a:cubicBezTo>
                    <a:lnTo>
                      <a:pt x="365845" y="354102"/>
                    </a:lnTo>
                    <a:lnTo>
                      <a:pt x="336939" y="354102"/>
                    </a:lnTo>
                    <a:lnTo>
                      <a:pt x="336939" y="322485"/>
                    </a:lnTo>
                    <a:cubicBezTo>
                      <a:pt x="336939" y="314355"/>
                      <a:pt x="331519" y="308032"/>
                      <a:pt x="322486" y="308032"/>
                    </a:cubicBezTo>
                    <a:cubicBezTo>
                      <a:pt x="313453" y="308032"/>
                      <a:pt x="308032" y="313452"/>
                      <a:pt x="308032" y="322485"/>
                    </a:cubicBezTo>
                    <a:lnTo>
                      <a:pt x="308032" y="354102"/>
                    </a:lnTo>
                    <a:lnTo>
                      <a:pt x="290870" y="354102"/>
                    </a:lnTo>
                    <a:cubicBezTo>
                      <a:pt x="281836" y="354102"/>
                      <a:pt x="276416" y="359521"/>
                      <a:pt x="276416" y="368555"/>
                    </a:cubicBezTo>
                    <a:cubicBezTo>
                      <a:pt x="276416" y="376685"/>
                      <a:pt x="281836" y="383009"/>
                      <a:pt x="290870" y="383009"/>
                    </a:cubicBezTo>
                    <a:lnTo>
                      <a:pt x="380298" y="383009"/>
                    </a:lnTo>
                    <a:cubicBezTo>
                      <a:pt x="389331" y="383009"/>
                      <a:pt x="394752" y="377588"/>
                      <a:pt x="394752" y="368555"/>
                    </a:cubicBezTo>
                    <a:lnTo>
                      <a:pt x="394752" y="317066"/>
                    </a:lnTo>
                    <a:cubicBezTo>
                      <a:pt x="394752" y="314355"/>
                      <a:pt x="394752" y="314355"/>
                      <a:pt x="394752" y="311646"/>
                    </a:cubicBezTo>
                    <a:lnTo>
                      <a:pt x="463404" y="311646"/>
                    </a:lnTo>
                    <a:cubicBezTo>
                      <a:pt x="472437" y="311646"/>
                      <a:pt x="477857" y="306226"/>
                      <a:pt x="477857" y="297193"/>
                    </a:cubicBezTo>
                    <a:lnTo>
                      <a:pt x="477857" y="268286"/>
                    </a:lnTo>
                    <a:cubicBezTo>
                      <a:pt x="476954" y="239380"/>
                      <a:pt x="454371" y="213184"/>
                      <a:pt x="425464" y="205054"/>
                    </a:cubicBezTo>
                    <a:close/>
                  </a:path>
                </a:pathLst>
              </a:custGeom>
              <a:solidFill>
                <a:srgbClr val="7FCCC7"/>
              </a:solidFill>
              <a:ln w="9028" cap="flat">
                <a:noFill/>
                <a:prstDash val="solid"/>
                <a:miter/>
              </a:ln>
            </p:spPr>
            <p:txBody>
              <a:bodyPr rtlCol="0" anchor="ctr"/>
              <a:lstStyle/>
              <a:p>
                <a:endParaRPr lang="en-GB"/>
              </a:p>
            </p:txBody>
          </p:sp>
          <p:sp>
            <p:nvSpPr>
              <p:cNvPr id="37" name="Freeform 36">
                <a:extLst>
                  <a:ext uri="{FF2B5EF4-FFF2-40B4-BE49-F238E27FC236}">
                    <a16:creationId xmlns:a16="http://schemas.microsoft.com/office/drawing/2014/main" id="{5B805FC2-B539-B14A-890E-55EE73BB240D}"/>
                  </a:ext>
                </a:extLst>
              </p:cNvPr>
              <p:cNvSpPr/>
              <p:nvPr/>
            </p:nvSpPr>
            <p:spPr>
              <a:xfrm>
                <a:off x="358619" y="433594"/>
                <a:ext cx="30028" cy="30713"/>
              </a:xfrm>
              <a:custGeom>
                <a:avLst/>
                <a:gdLst>
                  <a:gd name="connsiteX0" fmla="*/ 26196 w 30028"/>
                  <a:gd name="connsiteY0" fmla="*/ 2710 h 30713"/>
                  <a:gd name="connsiteX1" fmla="*/ 14453 w 30028"/>
                  <a:gd name="connsiteY1" fmla="*/ 0 h 30713"/>
                  <a:gd name="connsiteX2" fmla="*/ 2710 w 30028"/>
                  <a:gd name="connsiteY2" fmla="*/ 2710 h 30713"/>
                  <a:gd name="connsiteX3" fmla="*/ 0 w 30028"/>
                  <a:gd name="connsiteY3" fmla="*/ 15356 h 30713"/>
                  <a:gd name="connsiteX4" fmla="*/ 2710 w 30028"/>
                  <a:gd name="connsiteY4" fmla="*/ 28003 h 30713"/>
                  <a:gd name="connsiteX5" fmla="*/ 14453 w 30028"/>
                  <a:gd name="connsiteY5" fmla="*/ 30713 h 30713"/>
                  <a:gd name="connsiteX6" fmla="*/ 26196 w 30028"/>
                  <a:gd name="connsiteY6" fmla="*/ 28003 h 30713"/>
                  <a:gd name="connsiteX7" fmla="*/ 28906 w 30028"/>
                  <a:gd name="connsiteY7" fmla="*/ 15356 h 30713"/>
                  <a:gd name="connsiteX8" fmla="*/ 26196 w 30028"/>
                  <a:gd name="connsiteY8" fmla="*/ 2710 h 307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0028" h="30713">
                    <a:moveTo>
                      <a:pt x="26196" y="2710"/>
                    </a:moveTo>
                    <a:cubicBezTo>
                      <a:pt x="23486" y="0"/>
                      <a:pt x="19873" y="0"/>
                      <a:pt x="14453" y="0"/>
                    </a:cubicBezTo>
                    <a:cubicBezTo>
                      <a:pt x="11743" y="0"/>
                      <a:pt x="5420" y="2710"/>
                      <a:pt x="2710" y="2710"/>
                    </a:cubicBezTo>
                    <a:cubicBezTo>
                      <a:pt x="0" y="5420"/>
                      <a:pt x="0" y="9033"/>
                      <a:pt x="0" y="15356"/>
                    </a:cubicBezTo>
                    <a:cubicBezTo>
                      <a:pt x="0" y="18066"/>
                      <a:pt x="2710" y="24389"/>
                      <a:pt x="2710" y="28003"/>
                    </a:cubicBezTo>
                    <a:cubicBezTo>
                      <a:pt x="5420" y="30713"/>
                      <a:pt x="9033" y="30713"/>
                      <a:pt x="14453" y="30713"/>
                    </a:cubicBezTo>
                    <a:cubicBezTo>
                      <a:pt x="17163" y="30713"/>
                      <a:pt x="23486" y="28003"/>
                      <a:pt x="26196" y="28003"/>
                    </a:cubicBezTo>
                    <a:cubicBezTo>
                      <a:pt x="28906" y="25293"/>
                      <a:pt x="28906" y="21680"/>
                      <a:pt x="28906" y="15356"/>
                    </a:cubicBezTo>
                    <a:cubicBezTo>
                      <a:pt x="31616" y="9033"/>
                      <a:pt x="28906" y="5420"/>
                      <a:pt x="26196" y="2710"/>
                    </a:cubicBezTo>
                    <a:close/>
                  </a:path>
                </a:pathLst>
              </a:custGeom>
              <a:solidFill>
                <a:srgbClr val="7FCCC7"/>
              </a:solidFill>
              <a:ln w="9028" cap="flat">
                <a:noFill/>
                <a:prstDash val="solid"/>
                <a:miter/>
              </a:ln>
            </p:spPr>
            <p:txBody>
              <a:bodyPr rtlCol="0" anchor="ctr"/>
              <a:lstStyle/>
              <a:p>
                <a:endParaRPr lang="en-GB" dirty="0"/>
              </a:p>
            </p:txBody>
          </p:sp>
          <p:sp>
            <p:nvSpPr>
              <p:cNvPr id="38" name="Freeform 37">
                <a:extLst>
                  <a:ext uri="{FF2B5EF4-FFF2-40B4-BE49-F238E27FC236}">
                    <a16:creationId xmlns:a16="http://schemas.microsoft.com/office/drawing/2014/main" id="{E535A35D-CA8E-EE47-86D9-9771F5801D89}"/>
                  </a:ext>
                </a:extLst>
              </p:cNvPr>
              <p:cNvSpPr/>
              <p:nvPr/>
            </p:nvSpPr>
            <p:spPr>
              <a:xfrm>
                <a:off x="363136" y="0"/>
                <a:ext cx="25292" cy="49682"/>
              </a:xfrm>
              <a:custGeom>
                <a:avLst/>
                <a:gdLst>
                  <a:gd name="connsiteX0" fmla="*/ 12646 w 25292"/>
                  <a:gd name="connsiteY0" fmla="*/ 0 h 49682"/>
                  <a:gd name="connsiteX1" fmla="*/ 0 w 25292"/>
                  <a:gd name="connsiteY1" fmla="*/ 13550 h 49682"/>
                  <a:gd name="connsiteX2" fmla="*/ 0 w 25292"/>
                  <a:gd name="connsiteY2" fmla="*/ 36133 h 49682"/>
                  <a:gd name="connsiteX3" fmla="*/ 12646 w 25292"/>
                  <a:gd name="connsiteY3" fmla="*/ 49683 h 49682"/>
                  <a:gd name="connsiteX4" fmla="*/ 25293 w 25292"/>
                  <a:gd name="connsiteY4" fmla="*/ 36133 h 49682"/>
                  <a:gd name="connsiteX5" fmla="*/ 25293 w 25292"/>
                  <a:gd name="connsiteY5" fmla="*/ 13550 h 49682"/>
                  <a:gd name="connsiteX6" fmla="*/ 12646 w 25292"/>
                  <a:gd name="connsiteY6" fmla="*/ 0 h 496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5292" h="49682">
                    <a:moveTo>
                      <a:pt x="12646" y="0"/>
                    </a:moveTo>
                    <a:cubicBezTo>
                      <a:pt x="5420" y="0"/>
                      <a:pt x="0" y="5420"/>
                      <a:pt x="0" y="13550"/>
                    </a:cubicBezTo>
                    <a:lnTo>
                      <a:pt x="0" y="36133"/>
                    </a:lnTo>
                    <a:cubicBezTo>
                      <a:pt x="0" y="44263"/>
                      <a:pt x="5420" y="49683"/>
                      <a:pt x="12646" y="49683"/>
                    </a:cubicBezTo>
                    <a:cubicBezTo>
                      <a:pt x="19873" y="49683"/>
                      <a:pt x="25293" y="44263"/>
                      <a:pt x="25293" y="36133"/>
                    </a:cubicBezTo>
                    <a:lnTo>
                      <a:pt x="25293" y="13550"/>
                    </a:lnTo>
                    <a:cubicBezTo>
                      <a:pt x="25293" y="5420"/>
                      <a:pt x="20776" y="0"/>
                      <a:pt x="12646" y="0"/>
                    </a:cubicBezTo>
                    <a:close/>
                  </a:path>
                </a:pathLst>
              </a:custGeom>
              <a:solidFill>
                <a:srgbClr val="7FCCC7"/>
              </a:solidFill>
              <a:ln w="9028" cap="flat">
                <a:noFill/>
                <a:prstDash val="solid"/>
                <a:miter/>
              </a:ln>
            </p:spPr>
            <p:txBody>
              <a:bodyPr rtlCol="0" anchor="ctr"/>
              <a:lstStyle/>
              <a:p>
                <a:endParaRPr lang="en-GB"/>
              </a:p>
            </p:txBody>
          </p:sp>
          <p:sp>
            <p:nvSpPr>
              <p:cNvPr id="39" name="Freeform 38">
                <a:extLst>
                  <a:ext uri="{FF2B5EF4-FFF2-40B4-BE49-F238E27FC236}">
                    <a16:creationId xmlns:a16="http://schemas.microsoft.com/office/drawing/2014/main" id="{254CD7DD-93C4-8D47-9C82-4676EDA73384}"/>
                  </a:ext>
                </a:extLst>
              </p:cNvPr>
              <p:cNvSpPr/>
              <p:nvPr/>
            </p:nvSpPr>
            <p:spPr>
              <a:xfrm>
                <a:off x="283192" y="25067"/>
                <a:ext cx="43084" cy="43585"/>
              </a:xfrm>
              <a:custGeom>
                <a:avLst/>
                <a:gdLst>
                  <a:gd name="connsiteX0" fmla="*/ 38391 w 43084"/>
                  <a:gd name="connsiteY0" fmla="*/ 20099 h 43585"/>
                  <a:gd name="connsiteX1" fmla="*/ 23938 w 43084"/>
                  <a:gd name="connsiteY1" fmla="*/ 4743 h 43585"/>
                  <a:gd name="connsiteX2" fmla="*/ 4065 w 43084"/>
                  <a:gd name="connsiteY2" fmla="*/ 4743 h 43585"/>
                  <a:gd name="connsiteX3" fmla="*/ 4065 w 43084"/>
                  <a:gd name="connsiteY3" fmla="*/ 25519 h 43585"/>
                  <a:gd name="connsiteX4" fmla="*/ 18518 w 43084"/>
                  <a:gd name="connsiteY4" fmla="*/ 40875 h 43585"/>
                  <a:gd name="connsiteX5" fmla="*/ 30261 w 43084"/>
                  <a:gd name="connsiteY5" fmla="*/ 43585 h 43585"/>
                  <a:gd name="connsiteX6" fmla="*/ 42004 w 43084"/>
                  <a:gd name="connsiteY6" fmla="*/ 40875 h 43585"/>
                  <a:gd name="connsiteX7" fmla="*/ 38391 w 43084"/>
                  <a:gd name="connsiteY7" fmla="*/ 20099 h 43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43084" h="43585">
                    <a:moveTo>
                      <a:pt x="38391" y="20099"/>
                    </a:moveTo>
                    <a:lnTo>
                      <a:pt x="23938" y="4743"/>
                    </a:lnTo>
                    <a:cubicBezTo>
                      <a:pt x="18518" y="-1581"/>
                      <a:pt x="9485" y="-1581"/>
                      <a:pt x="4065" y="4743"/>
                    </a:cubicBezTo>
                    <a:cubicBezTo>
                      <a:pt x="-1355" y="11066"/>
                      <a:pt x="-1355" y="20099"/>
                      <a:pt x="4065" y="25519"/>
                    </a:cubicBezTo>
                    <a:lnTo>
                      <a:pt x="18518" y="40875"/>
                    </a:lnTo>
                    <a:cubicBezTo>
                      <a:pt x="21228" y="43585"/>
                      <a:pt x="23938" y="43585"/>
                      <a:pt x="30261" y="43585"/>
                    </a:cubicBezTo>
                    <a:cubicBezTo>
                      <a:pt x="32971" y="43585"/>
                      <a:pt x="39295" y="40875"/>
                      <a:pt x="42004" y="40875"/>
                    </a:cubicBezTo>
                    <a:cubicBezTo>
                      <a:pt x="43811" y="34552"/>
                      <a:pt x="43811" y="25519"/>
                      <a:pt x="38391" y="20099"/>
                    </a:cubicBezTo>
                    <a:close/>
                  </a:path>
                </a:pathLst>
              </a:custGeom>
              <a:solidFill>
                <a:srgbClr val="7FCCC7"/>
              </a:solidFill>
              <a:ln w="9028" cap="flat">
                <a:noFill/>
                <a:prstDash val="solid"/>
                <a:miter/>
              </a:ln>
            </p:spPr>
            <p:txBody>
              <a:bodyPr rtlCol="0" anchor="ctr"/>
              <a:lstStyle/>
              <a:p>
                <a:endParaRPr lang="en-GB"/>
              </a:p>
            </p:txBody>
          </p:sp>
          <p:sp>
            <p:nvSpPr>
              <p:cNvPr id="40" name="Freeform 39">
                <a:extLst>
                  <a:ext uri="{FF2B5EF4-FFF2-40B4-BE49-F238E27FC236}">
                    <a16:creationId xmlns:a16="http://schemas.microsoft.com/office/drawing/2014/main" id="{02E26007-9309-E542-8292-14C481034466}"/>
                  </a:ext>
                </a:extLst>
              </p:cNvPr>
              <p:cNvSpPr/>
              <p:nvPr/>
            </p:nvSpPr>
            <p:spPr>
              <a:xfrm>
                <a:off x="426819" y="25067"/>
                <a:ext cx="43724" cy="43585"/>
              </a:xfrm>
              <a:custGeom>
                <a:avLst/>
                <a:gdLst>
                  <a:gd name="connsiteX0" fmla="*/ 38391 w 43724"/>
                  <a:gd name="connsiteY0" fmla="*/ 4743 h 43585"/>
                  <a:gd name="connsiteX1" fmla="*/ 18518 w 43724"/>
                  <a:gd name="connsiteY1" fmla="*/ 4743 h 43585"/>
                  <a:gd name="connsiteX2" fmla="*/ 4065 w 43724"/>
                  <a:gd name="connsiteY2" fmla="*/ 20099 h 43585"/>
                  <a:gd name="connsiteX3" fmla="*/ 4065 w 43724"/>
                  <a:gd name="connsiteY3" fmla="*/ 40875 h 43585"/>
                  <a:gd name="connsiteX4" fmla="*/ 15808 w 43724"/>
                  <a:gd name="connsiteY4" fmla="*/ 43585 h 43585"/>
                  <a:gd name="connsiteX5" fmla="*/ 27551 w 43724"/>
                  <a:gd name="connsiteY5" fmla="*/ 40875 h 43585"/>
                  <a:gd name="connsiteX6" fmla="*/ 42005 w 43724"/>
                  <a:gd name="connsiteY6" fmla="*/ 25519 h 43585"/>
                  <a:gd name="connsiteX7" fmla="*/ 38391 w 43724"/>
                  <a:gd name="connsiteY7" fmla="*/ 4743 h 43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43724" h="43585">
                    <a:moveTo>
                      <a:pt x="38391" y="4743"/>
                    </a:moveTo>
                    <a:cubicBezTo>
                      <a:pt x="32972" y="-1581"/>
                      <a:pt x="23938" y="-1581"/>
                      <a:pt x="18518" y="4743"/>
                    </a:cubicBezTo>
                    <a:lnTo>
                      <a:pt x="4065" y="20099"/>
                    </a:lnTo>
                    <a:cubicBezTo>
                      <a:pt x="-1355" y="26422"/>
                      <a:pt x="-1355" y="35456"/>
                      <a:pt x="4065" y="40875"/>
                    </a:cubicBezTo>
                    <a:cubicBezTo>
                      <a:pt x="6775" y="43585"/>
                      <a:pt x="9485" y="43585"/>
                      <a:pt x="15808" y="43585"/>
                    </a:cubicBezTo>
                    <a:cubicBezTo>
                      <a:pt x="18518" y="43585"/>
                      <a:pt x="24841" y="43585"/>
                      <a:pt x="27551" y="40875"/>
                    </a:cubicBezTo>
                    <a:lnTo>
                      <a:pt x="42005" y="25519"/>
                    </a:lnTo>
                    <a:cubicBezTo>
                      <a:pt x="44715" y="22809"/>
                      <a:pt x="44715" y="11066"/>
                      <a:pt x="38391" y="4743"/>
                    </a:cubicBezTo>
                    <a:close/>
                  </a:path>
                </a:pathLst>
              </a:custGeom>
              <a:solidFill>
                <a:srgbClr val="7FCCC7"/>
              </a:solidFill>
              <a:ln w="9028" cap="flat">
                <a:noFill/>
                <a:prstDash val="solid"/>
                <a:miter/>
              </a:ln>
            </p:spPr>
            <p:txBody>
              <a:bodyPr rtlCol="0" anchor="ctr"/>
              <a:lstStyle/>
              <a:p>
                <a:endParaRPr lang="en-GB" dirty="0"/>
              </a:p>
            </p:txBody>
          </p:sp>
        </p:grpSp>
      </p:grpSp>
      <p:grpSp>
        <p:nvGrpSpPr>
          <p:cNvPr id="43" name="Group 42">
            <a:extLst>
              <a:ext uri="{FF2B5EF4-FFF2-40B4-BE49-F238E27FC236}">
                <a16:creationId xmlns:a16="http://schemas.microsoft.com/office/drawing/2014/main" id="{1013552D-346F-5E46-BF70-D9A1E687E406}"/>
              </a:ext>
            </a:extLst>
          </p:cNvPr>
          <p:cNvGrpSpPr/>
          <p:nvPr/>
        </p:nvGrpSpPr>
        <p:grpSpPr>
          <a:xfrm>
            <a:off x="5963290" y="9224805"/>
            <a:ext cx="679447" cy="742953"/>
            <a:chOff x="0" y="0"/>
            <a:chExt cx="920484" cy="919581"/>
          </a:xfrm>
        </p:grpSpPr>
        <p:sp>
          <p:nvSpPr>
            <p:cNvPr id="44" name="Freeform 43">
              <a:extLst>
                <a:ext uri="{FF2B5EF4-FFF2-40B4-BE49-F238E27FC236}">
                  <a16:creationId xmlns:a16="http://schemas.microsoft.com/office/drawing/2014/main" id="{DBDD0A22-FFB7-BD4B-9B88-49AA0EC32499}"/>
                </a:ext>
              </a:extLst>
            </p:cNvPr>
            <p:cNvSpPr/>
            <p:nvPr/>
          </p:nvSpPr>
          <p:spPr>
            <a:xfrm>
              <a:off x="728981" y="23486"/>
              <a:ext cx="171631" cy="171631"/>
            </a:xfrm>
            <a:custGeom>
              <a:avLst/>
              <a:gdLst>
                <a:gd name="connsiteX0" fmla="*/ 81299 w 171631"/>
                <a:gd name="connsiteY0" fmla="*/ 0 h 171631"/>
                <a:gd name="connsiteX1" fmla="*/ 171631 w 171631"/>
                <a:gd name="connsiteY1" fmla="*/ 90332 h 171631"/>
                <a:gd name="connsiteX2" fmla="*/ 145435 w 171631"/>
                <a:gd name="connsiteY2" fmla="*/ 153565 h 171631"/>
                <a:gd name="connsiteX3" fmla="*/ 127368 w 171631"/>
                <a:gd name="connsiteY3" fmla="*/ 171631 h 171631"/>
                <a:gd name="connsiteX4" fmla="*/ 0 w 171631"/>
                <a:gd name="connsiteY4" fmla="*/ 44263 h 171631"/>
                <a:gd name="connsiteX5" fmla="*/ 18066 w 171631"/>
                <a:gd name="connsiteY5" fmla="*/ 26197 h 171631"/>
                <a:gd name="connsiteX6" fmla="*/ 81299 w 171631"/>
                <a:gd name="connsiteY6" fmla="*/ 0 h 171631"/>
                <a:gd name="connsiteX7" fmla="*/ 81299 w 171631"/>
                <a:gd name="connsiteY7" fmla="*/ 0 h 17163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631" h="171631">
                  <a:moveTo>
                    <a:pt x="81299" y="0"/>
                  </a:moveTo>
                  <a:cubicBezTo>
                    <a:pt x="130982" y="0"/>
                    <a:pt x="171631" y="40649"/>
                    <a:pt x="171631" y="90332"/>
                  </a:cubicBezTo>
                  <a:cubicBezTo>
                    <a:pt x="171631" y="114722"/>
                    <a:pt x="162598" y="137305"/>
                    <a:pt x="145435" y="153565"/>
                  </a:cubicBezTo>
                  <a:lnTo>
                    <a:pt x="127368" y="171631"/>
                  </a:lnTo>
                  <a:lnTo>
                    <a:pt x="0" y="44263"/>
                  </a:lnTo>
                  <a:lnTo>
                    <a:pt x="18066" y="26197"/>
                  </a:lnTo>
                  <a:cubicBezTo>
                    <a:pt x="35229" y="9033"/>
                    <a:pt x="57812" y="0"/>
                    <a:pt x="81299" y="0"/>
                  </a:cubicBezTo>
                  <a:lnTo>
                    <a:pt x="81299" y="0"/>
                  </a:lnTo>
                  <a:close/>
                </a:path>
              </a:pathLst>
            </a:custGeom>
            <a:solidFill>
              <a:srgbClr val="7FCCC7">
                <a:alpha val="41176"/>
              </a:srgbClr>
            </a:solidFill>
            <a:ln w="9028" cap="flat">
              <a:noFill/>
              <a:prstDash val="solid"/>
              <a:miter/>
            </a:ln>
          </p:spPr>
          <p:txBody>
            <a:bodyPr rtlCol="0" anchor="ctr"/>
            <a:lstStyle/>
            <a:p>
              <a:endParaRPr lang="en-GB"/>
            </a:p>
          </p:txBody>
        </p:sp>
        <p:sp>
          <p:nvSpPr>
            <p:cNvPr id="45" name="Freeform 44">
              <a:extLst>
                <a:ext uri="{FF2B5EF4-FFF2-40B4-BE49-F238E27FC236}">
                  <a16:creationId xmlns:a16="http://schemas.microsoft.com/office/drawing/2014/main" id="{1FD6A56F-D433-8144-8451-E25E43435778}"/>
                </a:ext>
              </a:extLst>
            </p:cNvPr>
            <p:cNvSpPr/>
            <p:nvPr/>
          </p:nvSpPr>
          <p:spPr>
            <a:xfrm>
              <a:off x="396558" y="219507"/>
              <a:ext cx="311645" cy="486890"/>
            </a:xfrm>
            <a:custGeom>
              <a:avLst/>
              <a:gdLst>
                <a:gd name="connsiteX0" fmla="*/ 311646 w 311645"/>
                <a:gd name="connsiteY0" fmla="*/ 233960 h 486890"/>
                <a:gd name="connsiteX1" fmla="*/ 231251 w 311645"/>
                <a:gd name="connsiteY1" fmla="*/ 389332 h 486890"/>
                <a:gd name="connsiteX2" fmla="*/ 157178 w 311645"/>
                <a:gd name="connsiteY2" fmla="*/ 486890 h 486890"/>
                <a:gd name="connsiteX3" fmla="*/ 148145 w 311645"/>
                <a:gd name="connsiteY3" fmla="*/ 485987 h 486890"/>
                <a:gd name="connsiteX4" fmla="*/ 88526 w 311645"/>
                <a:gd name="connsiteY4" fmla="*/ 485987 h 486890"/>
                <a:gd name="connsiteX5" fmla="*/ 88526 w 311645"/>
                <a:gd name="connsiteY5" fmla="*/ 411915 h 486890"/>
                <a:gd name="connsiteX6" fmla="*/ 44263 w 311645"/>
                <a:gd name="connsiteY6" fmla="*/ 367652 h 486890"/>
                <a:gd name="connsiteX7" fmla="*/ 14453 w 311645"/>
                <a:gd name="connsiteY7" fmla="*/ 367652 h 486890"/>
                <a:gd name="connsiteX8" fmla="*/ 0 w 311645"/>
                <a:gd name="connsiteY8" fmla="*/ 353199 h 486890"/>
                <a:gd name="connsiteX9" fmla="*/ 14453 w 311645"/>
                <a:gd name="connsiteY9" fmla="*/ 338746 h 486890"/>
                <a:gd name="connsiteX10" fmla="*/ 162598 w 311645"/>
                <a:gd name="connsiteY10" fmla="*/ 338746 h 486890"/>
                <a:gd name="connsiteX11" fmla="*/ 206861 w 311645"/>
                <a:gd name="connsiteY11" fmla="*/ 294483 h 486890"/>
                <a:gd name="connsiteX12" fmla="*/ 162598 w 311645"/>
                <a:gd name="connsiteY12" fmla="*/ 250220 h 486890"/>
                <a:gd name="connsiteX13" fmla="*/ 44263 w 311645"/>
                <a:gd name="connsiteY13" fmla="*/ 250220 h 486890"/>
                <a:gd name="connsiteX14" fmla="*/ 29810 w 311645"/>
                <a:gd name="connsiteY14" fmla="*/ 235767 h 486890"/>
                <a:gd name="connsiteX15" fmla="*/ 29810 w 311645"/>
                <a:gd name="connsiteY15" fmla="*/ 191504 h 486890"/>
                <a:gd name="connsiteX16" fmla="*/ 103882 w 311645"/>
                <a:gd name="connsiteY16" fmla="*/ 191504 h 486890"/>
                <a:gd name="connsiteX17" fmla="*/ 177954 w 311645"/>
                <a:gd name="connsiteY17" fmla="*/ 117432 h 486890"/>
                <a:gd name="connsiteX18" fmla="*/ 103882 w 311645"/>
                <a:gd name="connsiteY18" fmla="*/ 43359 h 486890"/>
                <a:gd name="connsiteX19" fmla="*/ 102979 w 311645"/>
                <a:gd name="connsiteY19" fmla="*/ 43359 h 486890"/>
                <a:gd name="connsiteX20" fmla="*/ 103882 w 311645"/>
                <a:gd name="connsiteY20" fmla="*/ 28003 h 486890"/>
                <a:gd name="connsiteX21" fmla="*/ 100269 w 311645"/>
                <a:gd name="connsiteY21" fmla="*/ 0 h 486890"/>
                <a:gd name="connsiteX22" fmla="*/ 311646 w 311645"/>
                <a:gd name="connsiteY22" fmla="*/ 233960 h 486890"/>
                <a:gd name="connsiteX23" fmla="*/ 311646 w 311645"/>
                <a:gd name="connsiteY23" fmla="*/ 233960 h 48689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Lst>
              <a:rect l="l" t="t" r="r" b="b"/>
              <a:pathLst>
                <a:path w="311645" h="486890">
                  <a:moveTo>
                    <a:pt x="311646" y="233960"/>
                  </a:moveTo>
                  <a:cubicBezTo>
                    <a:pt x="311646" y="310743"/>
                    <a:pt x="272803" y="348682"/>
                    <a:pt x="231251" y="389332"/>
                  </a:cubicBezTo>
                  <a:cubicBezTo>
                    <a:pt x="203247" y="417335"/>
                    <a:pt x="173438" y="445337"/>
                    <a:pt x="157178" y="486890"/>
                  </a:cubicBezTo>
                  <a:cubicBezTo>
                    <a:pt x="154468" y="485987"/>
                    <a:pt x="151758" y="485987"/>
                    <a:pt x="148145" y="485987"/>
                  </a:cubicBezTo>
                  <a:lnTo>
                    <a:pt x="88526" y="485987"/>
                  </a:lnTo>
                  <a:lnTo>
                    <a:pt x="88526" y="411915"/>
                  </a:lnTo>
                  <a:cubicBezTo>
                    <a:pt x="88526" y="387525"/>
                    <a:pt x="68653" y="367652"/>
                    <a:pt x="44263" y="367652"/>
                  </a:cubicBezTo>
                  <a:lnTo>
                    <a:pt x="14453" y="367652"/>
                  </a:lnTo>
                  <a:cubicBezTo>
                    <a:pt x="6323" y="367652"/>
                    <a:pt x="0" y="361329"/>
                    <a:pt x="0" y="353199"/>
                  </a:cubicBezTo>
                  <a:cubicBezTo>
                    <a:pt x="0" y="345069"/>
                    <a:pt x="6323" y="338746"/>
                    <a:pt x="14453" y="338746"/>
                  </a:cubicBezTo>
                  <a:lnTo>
                    <a:pt x="162598" y="338746"/>
                  </a:lnTo>
                  <a:cubicBezTo>
                    <a:pt x="186988" y="338746"/>
                    <a:pt x="206861" y="318872"/>
                    <a:pt x="206861" y="294483"/>
                  </a:cubicBezTo>
                  <a:cubicBezTo>
                    <a:pt x="206861" y="270093"/>
                    <a:pt x="186988" y="250220"/>
                    <a:pt x="162598" y="250220"/>
                  </a:cubicBezTo>
                  <a:lnTo>
                    <a:pt x="44263" y="250220"/>
                  </a:lnTo>
                  <a:cubicBezTo>
                    <a:pt x="36133" y="250220"/>
                    <a:pt x="29810" y="243897"/>
                    <a:pt x="29810" y="235767"/>
                  </a:cubicBezTo>
                  <a:lnTo>
                    <a:pt x="29810" y="191504"/>
                  </a:lnTo>
                  <a:lnTo>
                    <a:pt x="103882" y="191504"/>
                  </a:lnTo>
                  <a:cubicBezTo>
                    <a:pt x="144531" y="191504"/>
                    <a:pt x="177954" y="158081"/>
                    <a:pt x="177954" y="117432"/>
                  </a:cubicBezTo>
                  <a:cubicBezTo>
                    <a:pt x="177954" y="76782"/>
                    <a:pt x="144531" y="43359"/>
                    <a:pt x="103882" y="43359"/>
                  </a:cubicBezTo>
                  <a:cubicBezTo>
                    <a:pt x="103882" y="43359"/>
                    <a:pt x="102979" y="43359"/>
                    <a:pt x="102979" y="43359"/>
                  </a:cubicBezTo>
                  <a:cubicBezTo>
                    <a:pt x="103882" y="38843"/>
                    <a:pt x="103882" y="33423"/>
                    <a:pt x="103882" y="28003"/>
                  </a:cubicBezTo>
                  <a:cubicBezTo>
                    <a:pt x="103882" y="18066"/>
                    <a:pt x="102979" y="9033"/>
                    <a:pt x="100269" y="0"/>
                  </a:cubicBezTo>
                  <a:cubicBezTo>
                    <a:pt x="218604" y="11743"/>
                    <a:pt x="311646" y="112915"/>
                    <a:pt x="311646" y="233960"/>
                  </a:cubicBezTo>
                  <a:lnTo>
                    <a:pt x="311646" y="233960"/>
                  </a:lnTo>
                  <a:close/>
                </a:path>
              </a:pathLst>
            </a:custGeom>
            <a:solidFill>
              <a:srgbClr val="7FCCC7">
                <a:alpha val="41176"/>
              </a:srgbClr>
            </a:solidFill>
            <a:ln w="9028" cap="flat">
              <a:noFill/>
              <a:prstDash val="solid"/>
              <a:miter/>
            </a:ln>
          </p:spPr>
          <p:txBody>
            <a:bodyPr rtlCol="0" anchor="ctr"/>
            <a:lstStyle/>
            <a:p>
              <a:endParaRPr lang="en-GB"/>
            </a:p>
          </p:txBody>
        </p:sp>
        <p:grpSp>
          <p:nvGrpSpPr>
            <p:cNvPr id="46" name="Graphic 2">
              <a:extLst>
                <a:ext uri="{FF2B5EF4-FFF2-40B4-BE49-F238E27FC236}">
                  <a16:creationId xmlns:a16="http://schemas.microsoft.com/office/drawing/2014/main" id="{05F4EF21-A15F-B543-B690-0C57B53B5AC5}"/>
                </a:ext>
              </a:extLst>
            </p:cNvPr>
            <p:cNvGrpSpPr/>
            <p:nvPr/>
          </p:nvGrpSpPr>
          <p:grpSpPr>
            <a:xfrm>
              <a:off x="0" y="0"/>
              <a:ext cx="920484" cy="919581"/>
              <a:chOff x="0" y="0"/>
              <a:chExt cx="920484" cy="919581"/>
            </a:xfrm>
            <a:solidFill>
              <a:srgbClr val="010101"/>
            </a:solidFill>
          </p:grpSpPr>
          <p:sp>
            <p:nvSpPr>
              <p:cNvPr id="47" name="Freeform 46">
                <a:extLst>
                  <a:ext uri="{FF2B5EF4-FFF2-40B4-BE49-F238E27FC236}">
                    <a16:creationId xmlns:a16="http://schemas.microsoft.com/office/drawing/2014/main" id="{9FA769BC-82B9-B445-898E-B6029AFF5775}"/>
                  </a:ext>
                </a:extLst>
              </p:cNvPr>
              <p:cNvSpPr/>
              <p:nvPr/>
            </p:nvSpPr>
            <p:spPr>
              <a:xfrm>
                <a:off x="666651" y="609742"/>
                <a:ext cx="88525" cy="88525"/>
              </a:xfrm>
              <a:custGeom>
                <a:avLst/>
                <a:gdLst>
                  <a:gd name="connsiteX0" fmla="*/ 44263 w 88525"/>
                  <a:gd name="connsiteY0" fmla="*/ 88525 h 88525"/>
                  <a:gd name="connsiteX1" fmla="*/ 88525 w 88525"/>
                  <a:gd name="connsiteY1" fmla="*/ 44263 h 88525"/>
                  <a:gd name="connsiteX2" fmla="*/ 44263 w 88525"/>
                  <a:gd name="connsiteY2" fmla="*/ 0 h 88525"/>
                  <a:gd name="connsiteX3" fmla="*/ 0 w 88525"/>
                  <a:gd name="connsiteY3" fmla="*/ 44263 h 88525"/>
                  <a:gd name="connsiteX4" fmla="*/ 44263 w 88525"/>
                  <a:gd name="connsiteY4" fmla="*/ 88525 h 88525"/>
                  <a:gd name="connsiteX5" fmla="*/ 44263 w 88525"/>
                  <a:gd name="connsiteY5" fmla="*/ 28906 h 88525"/>
                  <a:gd name="connsiteX6" fmla="*/ 58716 w 88525"/>
                  <a:gd name="connsiteY6" fmla="*/ 43359 h 88525"/>
                  <a:gd name="connsiteX7" fmla="*/ 44263 w 88525"/>
                  <a:gd name="connsiteY7" fmla="*/ 57813 h 88525"/>
                  <a:gd name="connsiteX8" fmla="*/ 29809 w 88525"/>
                  <a:gd name="connsiteY8" fmla="*/ 43359 h 88525"/>
                  <a:gd name="connsiteX9" fmla="*/ 44263 w 88525"/>
                  <a:gd name="connsiteY9" fmla="*/ 28906 h 885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88525" h="88525">
                    <a:moveTo>
                      <a:pt x="44263" y="88525"/>
                    </a:moveTo>
                    <a:cubicBezTo>
                      <a:pt x="68652" y="88525"/>
                      <a:pt x="88525" y="68652"/>
                      <a:pt x="88525" y="44263"/>
                    </a:cubicBezTo>
                    <a:cubicBezTo>
                      <a:pt x="88525" y="19873"/>
                      <a:pt x="68652" y="0"/>
                      <a:pt x="44263" y="0"/>
                    </a:cubicBezTo>
                    <a:cubicBezTo>
                      <a:pt x="19873" y="0"/>
                      <a:pt x="0" y="19873"/>
                      <a:pt x="0" y="44263"/>
                    </a:cubicBezTo>
                    <a:cubicBezTo>
                      <a:pt x="0" y="68652"/>
                      <a:pt x="19873" y="88525"/>
                      <a:pt x="44263" y="88525"/>
                    </a:cubicBezTo>
                    <a:close/>
                    <a:moveTo>
                      <a:pt x="44263" y="28906"/>
                    </a:moveTo>
                    <a:cubicBezTo>
                      <a:pt x="52393" y="28906"/>
                      <a:pt x="58716" y="35230"/>
                      <a:pt x="58716" y="43359"/>
                    </a:cubicBezTo>
                    <a:cubicBezTo>
                      <a:pt x="58716" y="51489"/>
                      <a:pt x="52393" y="57813"/>
                      <a:pt x="44263" y="57813"/>
                    </a:cubicBezTo>
                    <a:cubicBezTo>
                      <a:pt x="36133" y="57813"/>
                      <a:pt x="29809" y="51489"/>
                      <a:pt x="29809" y="43359"/>
                    </a:cubicBezTo>
                    <a:cubicBezTo>
                      <a:pt x="29809" y="35230"/>
                      <a:pt x="36133" y="28906"/>
                      <a:pt x="44263" y="28906"/>
                    </a:cubicBezTo>
                    <a:close/>
                  </a:path>
                </a:pathLst>
              </a:custGeom>
              <a:solidFill>
                <a:srgbClr val="7FCCC7"/>
              </a:solidFill>
              <a:ln w="9028" cap="flat">
                <a:noFill/>
                <a:prstDash val="solid"/>
                <a:miter/>
              </a:ln>
            </p:spPr>
            <p:txBody>
              <a:bodyPr rtlCol="0" anchor="ctr"/>
              <a:lstStyle/>
              <a:p>
                <a:endParaRPr lang="en-GB"/>
              </a:p>
            </p:txBody>
          </p:sp>
          <p:sp>
            <p:nvSpPr>
              <p:cNvPr id="48" name="Freeform 47">
                <a:extLst>
                  <a:ext uri="{FF2B5EF4-FFF2-40B4-BE49-F238E27FC236}">
                    <a16:creationId xmlns:a16="http://schemas.microsoft.com/office/drawing/2014/main" id="{892A1185-B196-A34C-B9CC-DA713B03EA69}"/>
                  </a:ext>
                </a:extLst>
              </p:cNvPr>
              <p:cNvSpPr/>
              <p:nvPr/>
            </p:nvSpPr>
            <p:spPr>
              <a:xfrm>
                <a:off x="0" y="0"/>
                <a:ext cx="920484" cy="919581"/>
              </a:xfrm>
              <a:custGeom>
                <a:avLst/>
                <a:gdLst>
                  <a:gd name="connsiteX0" fmla="*/ 861768 w 920484"/>
                  <a:gd name="connsiteY0" fmla="*/ 590772 h 919581"/>
                  <a:gd name="connsiteX1" fmla="*/ 868092 w 920484"/>
                  <a:gd name="connsiteY1" fmla="*/ 559156 h 919581"/>
                  <a:gd name="connsiteX2" fmla="*/ 889772 w 920484"/>
                  <a:gd name="connsiteY2" fmla="*/ 537476 h 919581"/>
                  <a:gd name="connsiteX3" fmla="*/ 826539 w 920484"/>
                  <a:gd name="connsiteY3" fmla="*/ 474244 h 919581"/>
                  <a:gd name="connsiteX4" fmla="*/ 804859 w 920484"/>
                  <a:gd name="connsiteY4" fmla="*/ 495924 h 919581"/>
                  <a:gd name="connsiteX5" fmla="*/ 773243 w 920484"/>
                  <a:gd name="connsiteY5" fmla="*/ 501343 h 919581"/>
                  <a:gd name="connsiteX6" fmla="*/ 756080 w 920484"/>
                  <a:gd name="connsiteY6" fmla="*/ 475147 h 919581"/>
                  <a:gd name="connsiteX7" fmla="*/ 756080 w 920484"/>
                  <a:gd name="connsiteY7" fmla="*/ 444434 h 919581"/>
                  <a:gd name="connsiteX8" fmla="*/ 725367 w 920484"/>
                  <a:gd name="connsiteY8" fmla="*/ 444434 h 919581"/>
                  <a:gd name="connsiteX9" fmla="*/ 711817 w 920484"/>
                  <a:gd name="connsiteY9" fmla="*/ 375782 h 919581"/>
                  <a:gd name="connsiteX10" fmla="*/ 883448 w 920484"/>
                  <a:gd name="connsiteY10" fmla="*/ 204150 h 919581"/>
                  <a:gd name="connsiteX11" fmla="*/ 918678 w 920484"/>
                  <a:gd name="connsiteY11" fmla="*/ 119239 h 919581"/>
                  <a:gd name="connsiteX12" fmla="*/ 799440 w 920484"/>
                  <a:gd name="connsiteY12" fmla="*/ 0 h 919581"/>
                  <a:gd name="connsiteX13" fmla="*/ 714527 w 920484"/>
                  <a:gd name="connsiteY13" fmla="*/ 35230 h 919581"/>
                  <a:gd name="connsiteX14" fmla="*/ 542896 w 920484"/>
                  <a:gd name="connsiteY14" fmla="*/ 206861 h 919581"/>
                  <a:gd name="connsiteX15" fmla="*/ 473340 w 920484"/>
                  <a:gd name="connsiteY15" fmla="*/ 194214 h 919581"/>
                  <a:gd name="connsiteX16" fmla="*/ 370362 w 920484"/>
                  <a:gd name="connsiteY16" fmla="*/ 134595 h 919581"/>
                  <a:gd name="connsiteX17" fmla="*/ 337842 w 920484"/>
                  <a:gd name="connsiteY17" fmla="*/ 139112 h 919581"/>
                  <a:gd name="connsiteX18" fmla="*/ 207764 w 920484"/>
                  <a:gd name="connsiteY18" fmla="*/ 60523 h 919581"/>
                  <a:gd name="connsiteX19" fmla="*/ 59619 w 920484"/>
                  <a:gd name="connsiteY19" fmla="*/ 208667 h 919581"/>
                  <a:gd name="connsiteX20" fmla="*/ 63233 w 920484"/>
                  <a:gd name="connsiteY20" fmla="*/ 242090 h 919581"/>
                  <a:gd name="connsiteX21" fmla="*/ 0 w 920484"/>
                  <a:gd name="connsiteY21" fmla="*/ 327002 h 919581"/>
                  <a:gd name="connsiteX22" fmla="*/ 88525 w 920484"/>
                  <a:gd name="connsiteY22" fmla="*/ 415528 h 919581"/>
                  <a:gd name="connsiteX23" fmla="*/ 196021 w 920484"/>
                  <a:gd name="connsiteY23" fmla="*/ 415528 h 919581"/>
                  <a:gd name="connsiteX24" fmla="*/ 192407 w 920484"/>
                  <a:gd name="connsiteY24" fmla="*/ 459791 h 919581"/>
                  <a:gd name="connsiteX25" fmla="*/ 207764 w 920484"/>
                  <a:gd name="connsiteY25" fmla="*/ 541993 h 919581"/>
                  <a:gd name="connsiteX26" fmla="*/ 75879 w 920484"/>
                  <a:gd name="connsiteY26" fmla="*/ 673878 h 919581"/>
                  <a:gd name="connsiteX27" fmla="*/ 2710 w 920484"/>
                  <a:gd name="connsiteY27" fmla="*/ 865382 h 919581"/>
                  <a:gd name="connsiteX28" fmla="*/ 0 w 920484"/>
                  <a:gd name="connsiteY28" fmla="*/ 879835 h 919581"/>
                  <a:gd name="connsiteX29" fmla="*/ 39746 w 920484"/>
                  <a:gd name="connsiteY29" fmla="*/ 919581 h 919581"/>
                  <a:gd name="connsiteX30" fmla="*/ 54199 w 920484"/>
                  <a:gd name="connsiteY30" fmla="*/ 916871 h 919581"/>
                  <a:gd name="connsiteX31" fmla="*/ 245704 w 920484"/>
                  <a:gd name="connsiteY31" fmla="*/ 843702 h 919581"/>
                  <a:gd name="connsiteX32" fmla="*/ 342359 w 920484"/>
                  <a:gd name="connsiteY32" fmla="*/ 747047 h 919581"/>
                  <a:gd name="connsiteX33" fmla="*/ 341455 w 920484"/>
                  <a:gd name="connsiteY33" fmla="*/ 756983 h 919581"/>
                  <a:gd name="connsiteX34" fmla="*/ 353198 w 920484"/>
                  <a:gd name="connsiteY34" fmla="*/ 786793 h 919581"/>
                  <a:gd name="connsiteX35" fmla="*/ 341455 w 920484"/>
                  <a:gd name="connsiteY35" fmla="*/ 816603 h 919581"/>
                  <a:gd name="connsiteX36" fmla="*/ 374878 w 920484"/>
                  <a:gd name="connsiteY36" fmla="*/ 859059 h 919581"/>
                  <a:gd name="connsiteX37" fmla="*/ 460694 w 920484"/>
                  <a:gd name="connsiteY37" fmla="*/ 919581 h 919581"/>
                  <a:gd name="connsiteX38" fmla="*/ 546510 w 920484"/>
                  <a:gd name="connsiteY38" fmla="*/ 859059 h 919581"/>
                  <a:gd name="connsiteX39" fmla="*/ 579933 w 920484"/>
                  <a:gd name="connsiteY39" fmla="*/ 816603 h 919581"/>
                  <a:gd name="connsiteX40" fmla="*/ 579933 w 920484"/>
                  <a:gd name="connsiteY40" fmla="*/ 812989 h 919581"/>
                  <a:gd name="connsiteX41" fmla="*/ 597999 w 920484"/>
                  <a:gd name="connsiteY41" fmla="*/ 831056 h 919581"/>
                  <a:gd name="connsiteX42" fmla="*/ 619678 w 920484"/>
                  <a:gd name="connsiteY42" fmla="*/ 809376 h 919581"/>
                  <a:gd name="connsiteX43" fmla="*/ 651295 w 920484"/>
                  <a:gd name="connsiteY43" fmla="*/ 803956 h 919581"/>
                  <a:gd name="connsiteX44" fmla="*/ 668458 w 920484"/>
                  <a:gd name="connsiteY44" fmla="*/ 830153 h 919581"/>
                  <a:gd name="connsiteX45" fmla="*/ 668458 w 920484"/>
                  <a:gd name="connsiteY45" fmla="*/ 860865 h 919581"/>
                  <a:gd name="connsiteX46" fmla="*/ 756983 w 920484"/>
                  <a:gd name="connsiteY46" fmla="*/ 860865 h 919581"/>
                  <a:gd name="connsiteX47" fmla="*/ 756983 w 920484"/>
                  <a:gd name="connsiteY47" fmla="*/ 831056 h 919581"/>
                  <a:gd name="connsiteX48" fmla="*/ 775050 w 920484"/>
                  <a:gd name="connsiteY48" fmla="*/ 804859 h 919581"/>
                  <a:gd name="connsiteX49" fmla="*/ 805763 w 920484"/>
                  <a:gd name="connsiteY49" fmla="*/ 811183 h 919581"/>
                  <a:gd name="connsiteX50" fmla="*/ 827442 w 920484"/>
                  <a:gd name="connsiteY50" fmla="*/ 832863 h 919581"/>
                  <a:gd name="connsiteX51" fmla="*/ 890675 w 920484"/>
                  <a:gd name="connsiteY51" fmla="*/ 769630 h 919581"/>
                  <a:gd name="connsiteX52" fmla="*/ 868995 w 920484"/>
                  <a:gd name="connsiteY52" fmla="*/ 747950 h 919581"/>
                  <a:gd name="connsiteX53" fmla="*/ 863575 w 920484"/>
                  <a:gd name="connsiteY53" fmla="*/ 716334 h 919581"/>
                  <a:gd name="connsiteX54" fmla="*/ 889772 w 920484"/>
                  <a:gd name="connsiteY54" fmla="*/ 699171 h 919581"/>
                  <a:gd name="connsiteX55" fmla="*/ 920484 w 920484"/>
                  <a:gd name="connsiteY55" fmla="*/ 699171 h 919581"/>
                  <a:gd name="connsiteX56" fmla="*/ 920484 w 920484"/>
                  <a:gd name="connsiteY56" fmla="*/ 610645 h 919581"/>
                  <a:gd name="connsiteX57" fmla="*/ 889772 w 920484"/>
                  <a:gd name="connsiteY57" fmla="*/ 610645 h 919581"/>
                  <a:gd name="connsiteX58" fmla="*/ 861768 w 920484"/>
                  <a:gd name="connsiteY58" fmla="*/ 590772 h 919581"/>
                  <a:gd name="connsiteX59" fmla="*/ 861768 w 920484"/>
                  <a:gd name="connsiteY59" fmla="*/ 590772 h 919581"/>
                  <a:gd name="connsiteX60" fmla="*/ 639552 w 920484"/>
                  <a:gd name="connsiteY60" fmla="*/ 635035 h 919581"/>
                  <a:gd name="connsiteX61" fmla="*/ 685621 w 920484"/>
                  <a:gd name="connsiteY61" fmla="*/ 584449 h 919581"/>
                  <a:gd name="connsiteX62" fmla="*/ 710914 w 920484"/>
                  <a:gd name="connsiteY62" fmla="*/ 579933 h 919581"/>
                  <a:gd name="connsiteX63" fmla="*/ 784986 w 920484"/>
                  <a:gd name="connsiteY63" fmla="*/ 654005 h 919581"/>
                  <a:gd name="connsiteX64" fmla="*/ 710914 w 920484"/>
                  <a:gd name="connsiteY64" fmla="*/ 728077 h 919581"/>
                  <a:gd name="connsiteX65" fmla="*/ 636842 w 920484"/>
                  <a:gd name="connsiteY65" fmla="*/ 654005 h 919581"/>
                  <a:gd name="connsiteX66" fmla="*/ 639552 w 920484"/>
                  <a:gd name="connsiteY66" fmla="*/ 635035 h 919581"/>
                  <a:gd name="connsiteX67" fmla="*/ 639552 w 920484"/>
                  <a:gd name="connsiteY67" fmla="*/ 635035 h 919581"/>
                  <a:gd name="connsiteX68" fmla="*/ 657618 w 920484"/>
                  <a:gd name="connsiteY68" fmla="*/ 283643 h 919581"/>
                  <a:gd name="connsiteX69" fmla="*/ 726270 w 920484"/>
                  <a:gd name="connsiteY69" fmla="*/ 214990 h 919581"/>
                  <a:gd name="connsiteX70" fmla="*/ 779566 w 920484"/>
                  <a:gd name="connsiteY70" fmla="*/ 268287 h 919581"/>
                  <a:gd name="connsiteX71" fmla="*/ 700074 w 920484"/>
                  <a:gd name="connsiteY71" fmla="*/ 347779 h 919581"/>
                  <a:gd name="connsiteX72" fmla="*/ 657618 w 920484"/>
                  <a:gd name="connsiteY72" fmla="*/ 283643 h 919581"/>
                  <a:gd name="connsiteX73" fmla="*/ 672975 w 920484"/>
                  <a:gd name="connsiteY73" fmla="*/ 120142 h 919581"/>
                  <a:gd name="connsiteX74" fmla="*/ 696461 w 920484"/>
                  <a:gd name="connsiteY74" fmla="*/ 96656 h 919581"/>
                  <a:gd name="connsiteX75" fmla="*/ 823829 w 920484"/>
                  <a:gd name="connsiteY75" fmla="*/ 224024 h 919581"/>
                  <a:gd name="connsiteX76" fmla="*/ 800343 w 920484"/>
                  <a:gd name="connsiteY76" fmla="*/ 247510 h 919581"/>
                  <a:gd name="connsiteX77" fmla="*/ 672975 w 920484"/>
                  <a:gd name="connsiteY77" fmla="*/ 120142 h 919581"/>
                  <a:gd name="connsiteX78" fmla="*/ 799440 w 920484"/>
                  <a:gd name="connsiteY78" fmla="*/ 30713 h 919581"/>
                  <a:gd name="connsiteX79" fmla="*/ 889772 w 920484"/>
                  <a:gd name="connsiteY79" fmla="*/ 121045 h 919581"/>
                  <a:gd name="connsiteX80" fmla="*/ 863575 w 920484"/>
                  <a:gd name="connsiteY80" fmla="*/ 184278 h 919581"/>
                  <a:gd name="connsiteX81" fmla="*/ 845509 w 920484"/>
                  <a:gd name="connsiteY81" fmla="*/ 202344 h 919581"/>
                  <a:gd name="connsiteX82" fmla="*/ 718141 w 920484"/>
                  <a:gd name="connsiteY82" fmla="*/ 74976 h 919581"/>
                  <a:gd name="connsiteX83" fmla="*/ 736207 w 920484"/>
                  <a:gd name="connsiteY83" fmla="*/ 56909 h 919581"/>
                  <a:gd name="connsiteX84" fmla="*/ 799440 w 920484"/>
                  <a:gd name="connsiteY84" fmla="*/ 30713 h 919581"/>
                  <a:gd name="connsiteX85" fmla="*/ 799440 w 920484"/>
                  <a:gd name="connsiteY85" fmla="*/ 30713 h 919581"/>
                  <a:gd name="connsiteX86" fmla="*/ 652198 w 920484"/>
                  <a:gd name="connsiteY86" fmla="*/ 140918 h 919581"/>
                  <a:gd name="connsiteX87" fmla="*/ 705494 w 920484"/>
                  <a:gd name="connsiteY87" fmla="*/ 194214 h 919581"/>
                  <a:gd name="connsiteX88" fmla="*/ 636842 w 920484"/>
                  <a:gd name="connsiteY88" fmla="*/ 262866 h 919581"/>
                  <a:gd name="connsiteX89" fmla="*/ 572706 w 920484"/>
                  <a:gd name="connsiteY89" fmla="*/ 220411 h 919581"/>
                  <a:gd name="connsiteX90" fmla="*/ 652198 w 920484"/>
                  <a:gd name="connsiteY90" fmla="*/ 140918 h 919581"/>
                  <a:gd name="connsiteX91" fmla="*/ 696461 w 920484"/>
                  <a:gd name="connsiteY91" fmla="*/ 460694 h 919581"/>
                  <a:gd name="connsiteX92" fmla="*/ 616065 w 920484"/>
                  <a:gd name="connsiteY92" fmla="*/ 616065 h 919581"/>
                  <a:gd name="connsiteX93" fmla="*/ 541993 w 920484"/>
                  <a:gd name="connsiteY93" fmla="*/ 713624 h 919581"/>
                  <a:gd name="connsiteX94" fmla="*/ 532960 w 920484"/>
                  <a:gd name="connsiteY94" fmla="*/ 712721 h 919581"/>
                  <a:gd name="connsiteX95" fmla="*/ 473340 w 920484"/>
                  <a:gd name="connsiteY95" fmla="*/ 712721 h 919581"/>
                  <a:gd name="connsiteX96" fmla="*/ 473340 w 920484"/>
                  <a:gd name="connsiteY96" fmla="*/ 638648 h 919581"/>
                  <a:gd name="connsiteX97" fmla="*/ 429078 w 920484"/>
                  <a:gd name="connsiteY97" fmla="*/ 594385 h 919581"/>
                  <a:gd name="connsiteX98" fmla="*/ 399268 w 920484"/>
                  <a:gd name="connsiteY98" fmla="*/ 594385 h 919581"/>
                  <a:gd name="connsiteX99" fmla="*/ 384815 w 920484"/>
                  <a:gd name="connsiteY99" fmla="*/ 579933 h 919581"/>
                  <a:gd name="connsiteX100" fmla="*/ 399268 w 920484"/>
                  <a:gd name="connsiteY100" fmla="*/ 565479 h 919581"/>
                  <a:gd name="connsiteX101" fmla="*/ 547413 w 920484"/>
                  <a:gd name="connsiteY101" fmla="*/ 565479 h 919581"/>
                  <a:gd name="connsiteX102" fmla="*/ 591676 w 920484"/>
                  <a:gd name="connsiteY102" fmla="*/ 521217 h 919581"/>
                  <a:gd name="connsiteX103" fmla="*/ 547413 w 920484"/>
                  <a:gd name="connsiteY103" fmla="*/ 476954 h 919581"/>
                  <a:gd name="connsiteX104" fmla="*/ 429078 w 920484"/>
                  <a:gd name="connsiteY104" fmla="*/ 476954 h 919581"/>
                  <a:gd name="connsiteX105" fmla="*/ 414624 w 920484"/>
                  <a:gd name="connsiteY105" fmla="*/ 462501 h 919581"/>
                  <a:gd name="connsiteX106" fmla="*/ 414624 w 920484"/>
                  <a:gd name="connsiteY106" fmla="*/ 418238 h 919581"/>
                  <a:gd name="connsiteX107" fmla="*/ 488697 w 920484"/>
                  <a:gd name="connsiteY107" fmla="*/ 418238 h 919581"/>
                  <a:gd name="connsiteX108" fmla="*/ 562769 w 920484"/>
                  <a:gd name="connsiteY108" fmla="*/ 344165 h 919581"/>
                  <a:gd name="connsiteX109" fmla="*/ 488697 w 920484"/>
                  <a:gd name="connsiteY109" fmla="*/ 270093 h 919581"/>
                  <a:gd name="connsiteX110" fmla="*/ 487794 w 920484"/>
                  <a:gd name="connsiteY110" fmla="*/ 270093 h 919581"/>
                  <a:gd name="connsiteX111" fmla="*/ 488697 w 920484"/>
                  <a:gd name="connsiteY111" fmla="*/ 254737 h 919581"/>
                  <a:gd name="connsiteX112" fmla="*/ 485084 w 920484"/>
                  <a:gd name="connsiteY112" fmla="*/ 226733 h 919581"/>
                  <a:gd name="connsiteX113" fmla="*/ 696461 w 920484"/>
                  <a:gd name="connsiteY113" fmla="*/ 460694 h 919581"/>
                  <a:gd name="connsiteX114" fmla="*/ 696461 w 920484"/>
                  <a:gd name="connsiteY114" fmla="*/ 460694 h 919581"/>
                  <a:gd name="connsiteX115" fmla="*/ 370362 w 920484"/>
                  <a:gd name="connsiteY115" fmla="*/ 756983 h 919581"/>
                  <a:gd name="connsiteX116" fmla="*/ 384815 w 920484"/>
                  <a:gd name="connsiteY116" fmla="*/ 742530 h 919581"/>
                  <a:gd name="connsiteX117" fmla="*/ 532960 w 920484"/>
                  <a:gd name="connsiteY117" fmla="*/ 742530 h 919581"/>
                  <a:gd name="connsiteX118" fmla="*/ 547413 w 920484"/>
                  <a:gd name="connsiteY118" fmla="*/ 756983 h 919581"/>
                  <a:gd name="connsiteX119" fmla="*/ 532960 w 920484"/>
                  <a:gd name="connsiteY119" fmla="*/ 771437 h 919581"/>
                  <a:gd name="connsiteX120" fmla="*/ 384815 w 920484"/>
                  <a:gd name="connsiteY120" fmla="*/ 771437 h 919581"/>
                  <a:gd name="connsiteX121" fmla="*/ 370362 w 920484"/>
                  <a:gd name="connsiteY121" fmla="*/ 756983 h 919581"/>
                  <a:gd name="connsiteX122" fmla="*/ 184277 w 920484"/>
                  <a:gd name="connsiteY122" fmla="*/ 756983 h 919581"/>
                  <a:gd name="connsiteX123" fmla="*/ 293579 w 920484"/>
                  <a:gd name="connsiteY123" fmla="*/ 647682 h 919581"/>
                  <a:gd name="connsiteX124" fmla="*/ 341455 w 920484"/>
                  <a:gd name="connsiteY124" fmla="*/ 706398 h 919581"/>
                  <a:gd name="connsiteX125" fmla="*/ 237573 w 920484"/>
                  <a:gd name="connsiteY125" fmla="*/ 810279 h 919581"/>
                  <a:gd name="connsiteX126" fmla="*/ 184277 w 920484"/>
                  <a:gd name="connsiteY126" fmla="*/ 756983 h 919581"/>
                  <a:gd name="connsiteX127" fmla="*/ 29809 w 920484"/>
                  <a:gd name="connsiteY127" fmla="*/ 327906 h 919581"/>
                  <a:gd name="connsiteX128" fmla="*/ 89428 w 920484"/>
                  <a:gd name="connsiteY128" fmla="*/ 268287 h 919581"/>
                  <a:gd name="connsiteX129" fmla="*/ 149048 w 920484"/>
                  <a:gd name="connsiteY129" fmla="*/ 327906 h 919581"/>
                  <a:gd name="connsiteX130" fmla="*/ 178858 w 920484"/>
                  <a:gd name="connsiteY130" fmla="*/ 327906 h 919581"/>
                  <a:gd name="connsiteX131" fmla="*/ 93945 w 920484"/>
                  <a:gd name="connsiteY131" fmla="*/ 239380 h 919581"/>
                  <a:gd name="connsiteX132" fmla="*/ 90332 w 920484"/>
                  <a:gd name="connsiteY132" fmla="*/ 209571 h 919581"/>
                  <a:gd name="connsiteX133" fmla="*/ 208667 w 920484"/>
                  <a:gd name="connsiteY133" fmla="*/ 91235 h 919581"/>
                  <a:gd name="connsiteX134" fmla="*/ 311646 w 920484"/>
                  <a:gd name="connsiteY134" fmla="*/ 151758 h 919581"/>
                  <a:gd name="connsiteX135" fmla="*/ 253833 w 920484"/>
                  <a:gd name="connsiteY135" fmla="*/ 241187 h 919581"/>
                  <a:gd name="connsiteX136" fmla="*/ 208667 w 920484"/>
                  <a:gd name="connsiteY136" fmla="*/ 298999 h 919581"/>
                  <a:gd name="connsiteX137" fmla="*/ 238477 w 920484"/>
                  <a:gd name="connsiteY137" fmla="*/ 298999 h 919581"/>
                  <a:gd name="connsiteX138" fmla="*/ 268287 w 920484"/>
                  <a:gd name="connsiteY138" fmla="*/ 269190 h 919581"/>
                  <a:gd name="connsiteX139" fmla="*/ 298096 w 920484"/>
                  <a:gd name="connsiteY139" fmla="*/ 298999 h 919581"/>
                  <a:gd name="connsiteX140" fmla="*/ 327906 w 920484"/>
                  <a:gd name="connsiteY140" fmla="*/ 298999 h 919581"/>
                  <a:gd name="connsiteX141" fmla="*/ 284546 w 920484"/>
                  <a:gd name="connsiteY141" fmla="*/ 242090 h 919581"/>
                  <a:gd name="connsiteX142" fmla="*/ 372169 w 920484"/>
                  <a:gd name="connsiteY142" fmla="*/ 165308 h 919581"/>
                  <a:gd name="connsiteX143" fmla="*/ 460694 w 920484"/>
                  <a:gd name="connsiteY143" fmla="*/ 253833 h 919581"/>
                  <a:gd name="connsiteX144" fmla="*/ 457080 w 920484"/>
                  <a:gd name="connsiteY144" fmla="*/ 276416 h 919581"/>
                  <a:gd name="connsiteX145" fmla="*/ 415528 w 920484"/>
                  <a:gd name="connsiteY145" fmla="*/ 342359 h 919581"/>
                  <a:gd name="connsiteX146" fmla="*/ 445337 w 920484"/>
                  <a:gd name="connsiteY146" fmla="*/ 342359 h 919581"/>
                  <a:gd name="connsiteX147" fmla="*/ 489600 w 920484"/>
                  <a:gd name="connsiteY147" fmla="*/ 298096 h 919581"/>
                  <a:gd name="connsiteX148" fmla="*/ 533863 w 920484"/>
                  <a:gd name="connsiteY148" fmla="*/ 342359 h 919581"/>
                  <a:gd name="connsiteX149" fmla="*/ 489600 w 920484"/>
                  <a:gd name="connsiteY149" fmla="*/ 386621 h 919581"/>
                  <a:gd name="connsiteX150" fmla="*/ 88525 w 920484"/>
                  <a:gd name="connsiteY150" fmla="*/ 386621 h 919581"/>
                  <a:gd name="connsiteX151" fmla="*/ 29809 w 920484"/>
                  <a:gd name="connsiteY151" fmla="*/ 327906 h 919581"/>
                  <a:gd name="connsiteX152" fmla="*/ 384815 w 920484"/>
                  <a:gd name="connsiteY152" fmla="*/ 416431 h 919581"/>
                  <a:gd name="connsiteX153" fmla="*/ 384815 w 920484"/>
                  <a:gd name="connsiteY153" fmla="*/ 460694 h 919581"/>
                  <a:gd name="connsiteX154" fmla="*/ 429078 w 920484"/>
                  <a:gd name="connsiteY154" fmla="*/ 504957 h 919581"/>
                  <a:gd name="connsiteX155" fmla="*/ 547413 w 920484"/>
                  <a:gd name="connsiteY155" fmla="*/ 504957 h 919581"/>
                  <a:gd name="connsiteX156" fmla="*/ 561866 w 920484"/>
                  <a:gd name="connsiteY156" fmla="*/ 519410 h 919581"/>
                  <a:gd name="connsiteX157" fmla="*/ 547413 w 920484"/>
                  <a:gd name="connsiteY157" fmla="*/ 533863 h 919581"/>
                  <a:gd name="connsiteX158" fmla="*/ 399268 w 920484"/>
                  <a:gd name="connsiteY158" fmla="*/ 533863 h 919581"/>
                  <a:gd name="connsiteX159" fmla="*/ 355005 w 920484"/>
                  <a:gd name="connsiteY159" fmla="*/ 578126 h 919581"/>
                  <a:gd name="connsiteX160" fmla="*/ 399268 w 920484"/>
                  <a:gd name="connsiteY160" fmla="*/ 622389 h 919581"/>
                  <a:gd name="connsiteX161" fmla="*/ 429078 w 920484"/>
                  <a:gd name="connsiteY161" fmla="*/ 622389 h 919581"/>
                  <a:gd name="connsiteX162" fmla="*/ 443531 w 920484"/>
                  <a:gd name="connsiteY162" fmla="*/ 636842 h 919581"/>
                  <a:gd name="connsiteX163" fmla="*/ 443531 w 920484"/>
                  <a:gd name="connsiteY163" fmla="*/ 710914 h 919581"/>
                  <a:gd name="connsiteX164" fmla="*/ 383912 w 920484"/>
                  <a:gd name="connsiteY164" fmla="*/ 710914 h 919581"/>
                  <a:gd name="connsiteX165" fmla="*/ 374878 w 920484"/>
                  <a:gd name="connsiteY165" fmla="*/ 711817 h 919581"/>
                  <a:gd name="connsiteX166" fmla="*/ 300806 w 920484"/>
                  <a:gd name="connsiteY166" fmla="*/ 614259 h 919581"/>
                  <a:gd name="connsiteX167" fmla="*/ 220410 w 920484"/>
                  <a:gd name="connsiteY167" fmla="*/ 458887 h 919581"/>
                  <a:gd name="connsiteX168" fmla="*/ 224927 w 920484"/>
                  <a:gd name="connsiteY168" fmla="*/ 414625 h 919581"/>
                  <a:gd name="connsiteX169" fmla="*/ 384815 w 920484"/>
                  <a:gd name="connsiteY169" fmla="*/ 414625 h 919581"/>
                  <a:gd name="connsiteX170" fmla="*/ 271900 w 920484"/>
                  <a:gd name="connsiteY170" fmla="*/ 627808 h 919581"/>
                  <a:gd name="connsiteX171" fmla="*/ 163501 w 920484"/>
                  <a:gd name="connsiteY171" fmla="*/ 736207 h 919581"/>
                  <a:gd name="connsiteX172" fmla="*/ 110205 w 920484"/>
                  <a:gd name="connsiteY172" fmla="*/ 682911 h 919581"/>
                  <a:gd name="connsiteX173" fmla="*/ 223121 w 920484"/>
                  <a:gd name="connsiteY173" fmla="*/ 569996 h 919581"/>
                  <a:gd name="connsiteX174" fmla="*/ 271900 w 920484"/>
                  <a:gd name="connsiteY174" fmla="*/ 627808 h 919581"/>
                  <a:gd name="connsiteX175" fmla="*/ 271900 w 920484"/>
                  <a:gd name="connsiteY175" fmla="*/ 627808 h 919581"/>
                  <a:gd name="connsiteX176" fmla="*/ 94849 w 920484"/>
                  <a:gd name="connsiteY176" fmla="*/ 710010 h 919581"/>
                  <a:gd name="connsiteX177" fmla="*/ 210474 w 920484"/>
                  <a:gd name="connsiteY177" fmla="*/ 825636 h 919581"/>
                  <a:gd name="connsiteX178" fmla="*/ 112012 w 920484"/>
                  <a:gd name="connsiteY178" fmla="*/ 863575 h 919581"/>
                  <a:gd name="connsiteX179" fmla="*/ 56909 w 920484"/>
                  <a:gd name="connsiteY179" fmla="*/ 808473 h 919581"/>
                  <a:gd name="connsiteX180" fmla="*/ 94849 w 920484"/>
                  <a:gd name="connsiteY180" fmla="*/ 710010 h 919581"/>
                  <a:gd name="connsiteX181" fmla="*/ 43359 w 920484"/>
                  <a:gd name="connsiteY181" fmla="*/ 889772 h 919581"/>
                  <a:gd name="connsiteX182" fmla="*/ 29809 w 920484"/>
                  <a:gd name="connsiteY182" fmla="*/ 879835 h 919581"/>
                  <a:gd name="connsiteX183" fmla="*/ 30713 w 920484"/>
                  <a:gd name="connsiteY183" fmla="*/ 876222 h 919581"/>
                  <a:gd name="connsiteX184" fmla="*/ 45166 w 920484"/>
                  <a:gd name="connsiteY184" fmla="*/ 837379 h 919581"/>
                  <a:gd name="connsiteX185" fmla="*/ 82202 w 920484"/>
                  <a:gd name="connsiteY185" fmla="*/ 874415 h 919581"/>
                  <a:gd name="connsiteX186" fmla="*/ 43359 w 920484"/>
                  <a:gd name="connsiteY186" fmla="*/ 889772 h 919581"/>
                  <a:gd name="connsiteX187" fmla="*/ 458887 w 920484"/>
                  <a:gd name="connsiteY187" fmla="*/ 890675 h 919581"/>
                  <a:gd name="connsiteX188" fmla="*/ 406495 w 920484"/>
                  <a:gd name="connsiteY188" fmla="*/ 860865 h 919581"/>
                  <a:gd name="connsiteX189" fmla="*/ 511280 w 920484"/>
                  <a:gd name="connsiteY189" fmla="*/ 860865 h 919581"/>
                  <a:gd name="connsiteX190" fmla="*/ 458887 w 920484"/>
                  <a:gd name="connsiteY190" fmla="*/ 890675 h 919581"/>
                  <a:gd name="connsiteX191" fmla="*/ 458887 w 920484"/>
                  <a:gd name="connsiteY191" fmla="*/ 890675 h 919581"/>
                  <a:gd name="connsiteX192" fmla="*/ 533863 w 920484"/>
                  <a:gd name="connsiteY192" fmla="*/ 831056 h 919581"/>
                  <a:gd name="connsiteX193" fmla="*/ 385718 w 920484"/>
                  <a:gd name="connsiteY193" fmla="*/ 831056 h 919581"/>
                  <a:gd name="connsiteX194" fmla="*/ 371265 w 920484"/>
                  <a:gd name="connsiteY194" fmla="*/ 816603 h 919581"/>
                  <a:gd name="connsiteX195" fmla="*/ 385718 w 920484"/>
                  <a:gd name="connsiteY195" fmla="*/ 802149 h 919581"/>
                  <a:gd name="connsiteX196" fmla="*/ 533863 w 920484"/>
                  <a:gd name="connsiteY196" fmla="*/ 802149 h 919581"/>
                  <a:gd name="connsiteX197" fmla="*/ 548316 w 920484"/>
                  <a:gd name="connsiteY197" fmla="*/ 816603 h 919581"/>
                  <a:gd name="connsiteX198" fmla="*/ 533863 w 920484"/>
                  <a:gd name="connsiteY198" fmla="*/ 831056 h 919581"/>
                  <a:gd name="connsiteX199" fmla="*/ 888868 w 920484"/>
                  <a:gd name="connsiteY199" fmla="*/ 668458 h 919581"/>
                  <a:gd name="connsiteX200" fmla="*/ 888868 w 920484"/>
                  <a:gd name="connsiteY200" fmla="*/ 668458 h 919581"/>
                  <a:gd name="connsiteX201" fmla="*/ 834669 w 920484"/>
                  <a:gd name="connsiteY201" fmla="*/ 704591 h 919581"/>
                  <a:gd name="connsiteX202" fmla="*/ 847315 w 920484"/>
                  <a:gd name="connsiteY202" fmla="*/ 767823 h 919581"/>
                  <a:gd name="connsiteX203" fmla="*/ 848219 w 920484"/>
                  <a:gd name="connsiteY203" fmla="*/ 768726 h 919581"/>
                  <a:gd name="connsiteX204" fmla="*/ 827442 w 920484"/>
                  <a:gd name="connsiteY204" fmla="*/ 789503 h 919581"/>
                  <a:gd name="connsiteX205" fmla="*/ 826539 w 920484"/>
                  <a:gd name="connsiteY205" fmla="*/ 788600 h 919581"/>
                  <a:gd name="connsiteX206" fmla="*/ 762403 w 920484"/>
                  <a:gd name="connsiteY206" fmla="*/ 775953 h 919581"/>
                  <a:gd name="connsiteX207" fmla="*/ 726270 w 920484"/>
                  <a:gd name="connsiteY207" fmla="*/ 829249 h 919581"/>
                  <a:gd name="connsiteX208" fmla="*/ 726270 w 920484"/>
                  <a:gd name="connsiteY208" fmla="*/ 830153 h 919581"/>
                  <a:gd name="connsiteX209" fmla="*/ 696461 w 920484"/>
                  <a:gd name="connsiteY209" fmla="*/ 830153 h 919581"/>
                  <a:gd name="connsiteX210" fmla="*/ 696461 w 920484"/>
                  <a:gd name="connsiteY210" fmla="*/ 831056 h 919581"/>
                  <a:gd name="connsiteX211" fmla="*/ 660328 w 920484"/>
                  <a:gd name="connsiteY211" fmla="*/ 776856 h 919581"/>
                  <a:gd name="connsiteX212" fmla="*/ 597095 w 920484"/>
                  <a:gd name="connsiteY212" fmla="*/ 789503 h 919581"/>
                  <a:gd name="connsiteX213" fmla="*/ 596192 w 920484"/>
                  <a:gd name="connsiteY213" fmla="*/ 790406 h 919581"/>
                  <a:gd name="connsiteX214" fmla="*/ 576319 w 920484"/>
                  <a:gd name="connsiteY214" fmla="*/ 770533 h 919581"/>
                  <a:gd name="connsiteX215" fmla="*/ 578126 w 920484"/>
                  <a:gd name="connsiteY215" fmla="*/ 757887 h 919581"/>
                  <a:gd name="connsiteX216" fmla="*/ 568189 w 920484"/>
                  <a:gd name="connsiteY216" fmla="*/ 729884 h 919581"/>
                  <a:gd name="connsiteX217" fmla="*/ 608838 w 920484"/>
                  <a:gd name="connsiteY217" fmla="*/ 666651 h 919581"/>
                  <a:gd name="connsiteX218" fmla="*/ 711817 w 920484"/>
                  <a:gd name="connsiteY218" fmla="*/ 757887 h 919581"/>
                  <a:gd name="connsiteX219" fmla="*/ 815699 w 920484"/>
                  <a:gd name="connsiteY219" fmla="*/ 654005 h 919581"/>
                  <a:gd name="connsiteX220" fmla="*/ 711817 w 920484"/>
                  <a:gd name="connsiteY220" fmla="*/ 550123 h 919581"/>
                  <a:gd name="connsiteX221" fmla="*/ 707301 w 920484"/>
                  <a:gd name="connsiteY221" fmla="*/ 550123 h 919581"/>
                  <a:gd name="connsiteX222" fmla="*/ 726270 w 920484"/>
                  <a:gd name="connsiteY222" fmla="*/ 476051 h 919581"/>
                  <a:gd name="connsiteX223" fmla="*/ 727174 w 920484"/>
                  <a:gd name="connsiteY223" fmla="*/ 476051 h 919581"/>
                  <a:gd name="connsiteX224" fmla="*/ 727174 w 920484"/>
                  <a:gd name="connsiteY224" fmla="*/ 476954 h 919581"/>
                  <a:gd name="connsiteX225" fmla="*/ 763307 w 920484"/>
                  <a:gd name="connsiteY225" fmla="*/ 531153 h 919581"/>
                  <a:gd name="connsiteX226" fmla="*/ 826539 w 920484"/>
                  <a:gd name="connsiteY226" fmla="*/ 518507 h 919581"/>
                  <a:gd name="connsiteX227" fmla="*/ 827442 w 920484"/>
                  <a:gd name="connsiteY227" fmla="*/ 517603 h 919581"/>
                  <a:gd name="connsiteX228" fmla="*/ 848219 w 920484"/>
                  <a:gd name="connsiteY228" fmla="*/ 538379 h 919581"/>
                  <a:gd name="connsiteX229" fmla="*/ 847315 w 920484"/>
                  <a:gd name="connsiteY229" fmla="*/ 539283 h 919581"/>
                  <a:gd name="connsiteX230" fmla="*/ 834669 w 920484"/>
                  <a:gd name="connsiteY230" fmla="*/ 603419 h 919581"/>
                  <a:gd name="connsiteX231" fmla="*/ 887965 w 920484"/>
                  <a:gd name="connsiteY231" fmla="*/ 639552 h 919581"/>
                  <a:gd name="connsiteX232" fmla="*/ 888868 w 920484"/>
                  <a:gd name="connsiteY232" fmla="*/ 639552 h 919581"/>
                  <a:gd name="connsiteX233" fmla="*/ 888868 w 920484"/>
                  <a:gd name="connsiteY233" fmla="*/ 668458 h 9195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Lst>
                <a:rect l="l" t="t" r="r" b="b"/>
                <a:pathLst>
                  <a:path w="920484" h="919581">
                    <a:moveTo>
                      <a:pt x="861768" y="590772"/>
                    </a:moveTo>
                    <a:cubicBezTo>
                      <a:pt x="857252" y="579933"/>
                      <a:pt x="859962" y="568189"/>
                      <a:pt x="868092" y="559156"/>
                    </a:cubicBezTo>
                    <a:lnTo>
                      <a:pt x="889772" y="537476"/>
                    </a:lnTo>
                    <a:lnTo>
                      <a:pt x="826539" y="474244"/>
                    </a:lnTo>
                    <a:lnTo>
                      <a:pt x="804859" y="495924"/>
                    </a:lnTo>
                    <a:cubicBezTo>
                      <a:pt x="796730" y="504053"/>
                      <a:pt x="784083" y="506763"/>
                      <a:pt x="773243" y="501343"/>
                    </a:cubicBezTo>
                    <a:cubicBezTo>
                      <a:pt x="762403" y="496827"/>
                      <a:pt x="756080" y="486890"/>
                      <a:pt x="756080" y="475147"/>
                    </a:cubicBezTo>
                    <a:lnTo>
                      <a:pt x="756080" y="444434"/>
                    </a:lnTo>
                    <a:lnTo>
                      <a:pt x="725367" y="444434"/>
                    </a:lnTo>
                    <a:cubicBezTo>
                      <a:pt x="724464" y="420948"/>
                      <a:pt x="719947" y="397461"/>
                      <a:pt x="711817" y="375782"/>
                    </a:cubicBezTo>
                    <a:lnTo>
                      <a:pt x="883448" y="204150"/>
                    </a:lnTo>
                    <a:cubicBezTo>
                      <a:pt x="906031" y="181567"/>
                      <a:pt x="918678" y="151758"/>
                      <a:pt x="918678" y="119239"/>
                    </a:cubicBezTo>
                    <a:cubicBezTo>
                      <a:pt x="918678" y="53296"/>
                      <a:pt x="865382" y="0"/>
                      <a:pt x="799440" y="0"/>
                    </a:cubicBezTo>
                    <a:cubicBezTo>
                      <a:pt x="767823" y="0"/>
                      <a:pt x="737110" y="12647"/>
                      <a:pt x="714527" y="35230"/>
                    </a:cubicBezTo>
                    <a:lnTo>
                      <a:pt x="542896" y="206861"/>
                    </a:lnTo>
                    <a:cubicBezTo>
                      <a:pt x="520313" y="199634"/>
                      <a:pt x="496827" y="195117"/>
                      <a:pt x="473340" y="194214"/>
                    </a:cubicBezTo>
                    <a:cubicBezTo>
                      <a:pt x="452564" y="158081"/>
                      <a:pt x="414624" y="134595"/>
                      <a:pt x="370362" y="134595"/>
                    </a:cubicBezTo>
                    <a:cubicBezTo>
                      <a:pt x="359522" y="134595"/>
                      <a:pt x="347779" y="136401"/>
                      <a:pt x="337842" y="139112"/>
                    </a:cubicBezTo>
                    <a:cubicBezTo>
                      <a:pt x="312549" y="91235"/>
                      <a:pt x="262866" y="60523"/>
                      <a:pt x="207764" y="60523"/>
                    </a:cubicBezTo>
                    <a:cubicBezTo>
                      <a:pt x="126465" y="60523"/>
                      <a:pt x="59619" y="127368"/>
                      <a:pt x="59619" y="208667"/>
                    </a:cubicBezTo>
                    <a:cubicBezTo>
                      <a:pt x="59619" y="220411"/>
                      <a:pt x="61426" y="231250"/>
                      <a:pt x="63233" y="242090"/>
                    </a:cubicBezTo>
                    <a:cubicBezTo>
                      <a:pt x="27100" y="252930"/>
                      <a:pt x="0" y="287256"/>
                      <a:pt x="0" y="327002"/>
                    </a:cubicBezTo>
                    <a:cubicBezTo>
                      <a:pt x="0" y="375782"/>
                      <a:pt x="39746" y="415528"/>
                      <a:pt x="88525" y="415528"/>
                    </a:cubicBezTo>
                    <a:lnTo>
                      <a:pt x="196021" y="415528"/>
                    </a:lnTo>
                    <a:cubicBezTo>
                      <a:pt x="193310" y="429981"/>
                      <a:pt x="192407" y="445337"/>
                      <a:pt x="192407" y="459791"/>
                    </a:cubicBezTo>
                    <a:cubicBezTo>
                      <a:pt x="192407" y="492310"/>
                      <a:pt x="198731" y="518507"/>
                      <a:pt x="207764" y="541993"/>
                    </a:cubicBezTo>
                    <a:lnTo>
                      <a:pt x="75879" y="673878"/>
                    </a:lnTo>
                    <a:lnTo>
                      <a:pt x="2710" y="865382"/>
                    </a:lnTo>
                    <a:cubicBezTo>
                      <a:pt x="903" y="869898"/>
                      <a:pt x="0" y="874415"/>
                      <a:pt x="0" y="879835"/>
                    </a:cubicBezTo>
                    <a:cubicBezTo>
                      <a:pt x="0" y="901515"/>
                      <a:pt x="18066" y="919581"/>
                      <a:pt x="39746" y="919581"/>
                    </a:cubicBezTo>
                    <a:cubicBezTo>
                      <a:pt x="44262" y="919581"/>
                      <a:pt x="49683" y="918678"/>
                      <a:pt x="54199" y="916871"/>
                    </a:cubicBezTo>
                    <a:lnTo>
                      <a:pt x="245704" y="843702"/>
                    </a:lnTo>
                    <a:lnTo>
                      <a:pt x="342359" y="747047"/>
                    </a:lnTo>
                    <a:cubicBezTo>
                      <a:pt x="341455" y="750660"/>
                      <a:pt x="341455" y="753370"/>
                      <a:pt x="341455" y="756983"/>
                    </a:cubicBezTo>
                    <a:cubicBezTo>
                      <a:pt x="341455" y="768726"/>
                      <a:pt x="345972" y="778663"/>
                      <a:pt x="353198" y="786793"/>
                    </a:cubicBezTo>
                    <a:cubicBezTo>
                      <a:pt x="345972" y="794923"/>
                      <a:pt x="341455" y="804859"/>
                      <a:pt x="341455" y="816603"/>
                    </a:cubicBezTo>
                    <a:cubicBezTo>
                      <a:pt x="341455" y="837379"/>
                      <a:pt x="355908" y="854542"/>
                      <a:pt x="374878" y="859059"/>
                    </a:cubicBezTo>
                    <a:cubicBezTo>
                      <a:pt x="387525" y="895191"/>
                      <a:pt x="420948" y="919581"/>
                      <a:pt x="460694" y="919581"/>
                    </a:cubicBezTo>
                    <a:cubicBezTo>
                      <a:pt x="500440" y="919581"/>
                      <a:pt x="533863" y="895191"/>
                      <a:pt x="546510" y="859059"/>
                    </a:cubicBezTo>
                    <a:cubicBezTo>
                      <a:pt x="565479" y="853639"/>
                      <a:pt x="579933" y="836475"/>
                      <a:pt x="579933" y="816603"/>
                    </a:cubicBezTo>
                    <a:cubicBezTo>
                      <a:pt x="579933" y="815699"/>
                      <a:pt x="579933" y="814796"/>
                      <a:pt x="579933" y="812989"/>
                    </a:cubicBezTo>
                    <a:lnTo>
                      <a:pt x="597999" y="831056"/>
                    </a:lnTo>
                    <a:lnTo>
                      <a:pt x="619678" y="809376"/>
                    </a:lnTo>
                    <a:cubicBezTo>
                      <a:pt x="627808" y="801246"/>
                      <a:pt x="640455" y="798536"/>
                      <a:pt x="651295" y="803956"/>
                    </a:cubicBezTo>
                    <a:cubicBezTo>
                      <a:pt x="662135" y="808473"/>
                      <a:pt x="668458" y="818409"/>
                      <a:pt x="668458" y="830153"/>
                    </a:cubicBezTo>
                    <a:lnTo>
                      <a:pt x="668458" y="860865"/>
                    </a:lnTo>
                    <a:lnTo>
                      <a:pt x="756983" y="860865"/>
                    </a:lnTo>
                    <a:lnTo>
                      <a:pt x="756983" y="831056"/>
                    </a:lnTo>
                    <a:cubicBezTo>
                      <a:pt x="756983" y="819313"/>
                      <a:pt x="764210" y="809376"/>
                      <a:pt x="775050" y="804859"/>
                    </a:cubicBezTo>
                    <a:cubicBezTo>
                      <a:pt x="785890" y="800343"/>
                      <a:pt x="797633" y="803053"/>
                      <a:pt x="805763" y="811183"/>
                    </a:cubicBezTo>
                    <a:lnTo>
                      <a:pt x="827442" y="832863"/>
                    </a:lnTo>
                    <a:lnTo>
                      <a:pt x="890675" y="769630"/>
                    </a:lnTo>
                    <a:lnTo>
                      <a:pt x="868995" y="747950"/>
                    </a:lnTo>
                    <a:cubicBezTo>
                      <a:pt x="860865" y="739821"/>
                      <a:pt x="858155" y="727174"/>
                      <a:pt x="863575" y="716334"/>
                    </a:cubicBezTo>
                    <a:cubicBezTo>
                      <a:pt x="868092" y="705494"/>
                      <a:pt x="878029" y="699171"/>
                      <a:pt x="889772" y="699171"/>
                    </a:cubicBezTo>
                    <a:lnTo>
                      <a:pt x="920484" y="699171"/>
                    </a:lnTo>
                    <a:lnTo>
                      <a:pt x="920484" y="610645"/>
                    </a:lnTo>
                    <a:lnTo>
                      <a:pt x="889772" y="610645"/>
                    </a:lnTo>
                    <a:cubicBezTo>
                      <a:pt x="877125" y="608839"/>
                      <a:pt x="866285" y="602516"/>
                      <a:pt x="861768" y="590772"/>
                    </a:cubicBezTo>
                    <a:lnTo>
                      <a:pt x="861768" y="590772"/>
                    </a:lnTo>
                    <a:close/>
                    <a:moveTo>
                      <a:pt x="639552" y="635035"/>
                    </a:moveTo>
                    <a:cubicBezTo>
                      <a:pt x="655811" y="619678"/>
                      <a:pt x="672071" y="603419"/>
                      <a:pt x="685621" y="584449"/>
                    </a:cubicBezTo>
                    <a:cubicBezTo>
                      <a:pt x="693751" y="581739"/>
                      <a:pt x="701881" y="579933"/>
                      <a:pt x="710914" y="579933"/>
                    </a:cubicBezTo>
                    <a:cubicBezTo>
                      <a:pt x="751564" y="579933"/>
                      <a:pt x="784986" y="613356"/>
                      <a:pt x="784986" y="654005"/>
                    </a:cubicBezTo>
                    <a:cubicBezTo>
                      <a:pt x="784986" y="694654"/>
                      <a:pt x="751564" y="728077"/>
                      <a:pt x="710914" y="728077"/>
                    </a:cubicBezTo>
                    <a:cubicBezTo>
                      <a:pt x="670265" y="728077"/>
                      <a:pt x="636842" y="694654"/>
                      <a:pt x="636842" y="654005"/>
                    </a:cubicBezTo>
                    <a:cubicBezTo>
                      <a:pt x="636842" y="646778"/>
                      <a:pt x="637745" y="640455"/>
                      <a:pt x="639552" y="635035"/>
                    </a:cubicBezTo>
                    <a:lnTo>
                      <a:pt x="639552" y="635035"/>
                    </a:lnTo>
                    <a:close/>
                    <a:moveTo>
                      <a:pt x="657618" y="283643"/>
                    </a:moveTo>
                    <a:lnTo>
                      <a:pt x="726270" y="214990"/>
                    </a:lnTo>
                    <a:lnTo>
                      <a:pt x="779566" y="268287"/>
                    </a:lnTo>
                    <a:lnTo>
                      <a:pt x="700074" y="347779"/>
                    </a:lnTo>
                    <a:cubicBezTo>
                      <a:pt x="689234" y="324293"/>
                      <a:pt x="674781" y="302613"/>
                      <a:pt x="657618" y="283643"/>
                    </a:cubicBezTo>
                    <a:close/>
                    <a:moveTo>
                      <a:pt x="672975" y="120142"/>
                    </a:moveTo>
                    <a:lnTo>
                      <a:pt x="696461" y="96656"/>
                    </a:lnTo>
                    <a:lnTo>
                      <a:pt x="823829" y="224024"/>
                    </a:lnTo>
                    <a:lnTo>
                      <a:pt x="800343" y="247510"/>
                    </a:lnTo>
                    <a:lnTo>
                      <a:pt x="672975" y="120142"/>
                    </a:lnTo>
                    <a:close/>
                    <a:moveTo>
                      <a:pt x="799440" y="30713"/>
                    </a:moveTo>
                    <a:cubicBezTo>
                      <a:pt x="849122" y="30713"/>
                      <a:pt x="889772" y="71363"/>
                      <a:pt x="889772" y="121045"/>
                    </a:cubicBezTo>
                    <a:cubicBezTo>
                      <a:pt x="889772" y="145435"/>
                      <a:pt x="880738" y="168018"/>
                      <a:pt x="863575" y="184278"/>
                    </a:cubicBezTo>
                    <a:lnTo>
                      <a:pt x="845509" y="202344"/>
                    </a:lnTo>
                    <a:lnTo>
                      <a:pt x="718141" y="74976"/>
                    </a:lnTo>
                    <a:lnTo>
                      <a:pt x="736207" y="56909"/>
                    </a:lnTo>
                    <a:cubicBezTo>
                      <a:pt x="752467" y="40649"/>
                      <a:pt x="775050" y="30713"/>
                      <a:pt x="799440" y="30713"/>
                    </a:cubicBezTo>
                    <a:lnTo>
                      <a:pt x="799440" y="30713"/>
                    </a:lnTo>
                    <a:close/>
                    <a:moveTo>
                      <a:pt x="652198" y="140918"/>
                    </a:moveTo>
                    <a:lnTo>
                      <a:pt x="705494" y="194214"/>
                    </a:lnTo>
                    <a:lnTo>
                      <a:pt x="636842" y="262866"/>
                    </a:lnTo>
                    <a:cubicBezTo>
                      <a:pt x="617872" y="245704"/>
                      <a:pt x="596192" y="231250"/>
                      <a:pt x="572706" y="220411"/>
                    </a:cubicBezTo>
                    <a:lnTo>
                      <a:pt x="652198" y="140918"/>
                    </a:lnTo>
                    <a:close/>
                    <a:moveTo>
                      <a:pt x="696461" y="460694"/>
                    </a:moveTo>
                    <a:cubicBezTo>
                      <a:pt x="696461" y="537476"/>
                      <a:pt x="657618" y="575416"/>
                      <a:pt x="616065" y="616065"/>
                    </a:cubicBezTo>
                    <a:cubicBezTo>
                      <a:pt x="588062" y="644068"/>
                      <a:pt x="558253" y="672071"/>
                      <a:pt x="541993" y="713624"/>
                    </a:cubicBezTo>
                    <a:cubicBezTo>
                      <a:pt x="539283" y="712721"/>
                      <a:pt x="536573" y="712721"/>
                      <a:pt x="532960" y="712721"/>
                    </a:cubicBezTo>
                    <a:lnTo>
                      <a:pt x="473340" y="712721"/>
                    </a:lnTo>
                    <a:lnTo>
                      <a:pt x="473340" y="638648"/>
                    </a:lnTo>
                    <a:cubicBezTo>
                      <a:pt x="473340" y="614259"/>
                      <a:pt x="453467" y="594385"/>
                      <a:pt x="429078" y="594385"/>
                    </a:cubicBezTo>
                    <a:lnTo>
                      <a:pt x="399268" y="594385"/>
                    </a:lnTo>
                    <a:cubicBezTo>
                      <a:pt x="391138" y="594385"/>
                      <a:pt x="384815" y="588062"/>
                      <a:pt x="384815" y="579933"/>
                    </a:cubicBezTo>
                    <a:cubicBezTo>
                      <a:pt x="384815" y="571802"/>
                      <a:pt x="391138" y="565479"/>
                      <a:pt x="399268" y="565479"/>
                    </a:cubicBezTo>
                    <a:lnTo>
                      <a:pt x="547413" y="565479"/>
                    </a:lnTo>
                    <a:cubicBezTo>
                      <a:pt x="571802" y="565479"/>
                      <a:pt x="591676" y="545606"/>
                      <a:pt x="591676" y="521217"/>
                    </a:cubicBezTo>
                    <a:cubicBezTo>
                      <a:pt x="591676" y="496827"/>
                      <a:pt x="571802" y="476954"/>
                      <a:pt x="547413" y="476954"/>
                    </a:cubicBezTo>
                    <a:lnTo>
                      <a:pt x="429078" y="476954"/>
                    </a:lnTo>
                    <a:cubicBezTo>
                      <a:pt x="420948" y="476954"/>
                      <a:pt x="414624" y="470630"/>
                      <a:pt x="414624" y="462501"/>
                    </a:cubicBezTo>
                    <a:lnTo>
                      <a:pt x="414624" y="418238"/>
                    </a:lnTo>
                    <a:lnTo>
                      <a:pt x="488697" y="418238"/>
                    </a:lnTo>
                    <a:cubicBezTo>
                      <a:pt x="529346" y="418238"/>
                      <a:pt x="562769" y="384815"/>
                      <a:pt x="562769" y="344165"/>
                    </a:cubicBezTo>
                    <a:cubicBezTo>
                      <a:pt x="562769" y="303516"/>
                      <a:pt x="529346" y="270093"/>
                      <a:pt x="488697" y="270093"/>
                    </a:cubicBezTo>
                    <a:cubicBezTo>
                      <a:pt x="488697" y="270093"/>
                      <a:pt x="487794" y="270093"/>
                      <a:pt x="487794" y="270093"/>
                    </a:cubicBezTo>
                    <a:cubicBezTo>
                      <a:pt x="488697" y="265577"/>
                      <a:pt x="488697" y="260156"/>
                      <a:pt x="488697" y="254737"/>
                    </a:cubicBezTo>
                    <a:cubicBezTo>
                      <a:pt x="488697" y="244800"/>
                      <a:pt x="487794" y="235767"/>
                      <a:pt x="485084" y="226733"/>
                    </a:cubicBezTo>
                    <a:cubicBezTo>
                      <a:pt x="603419" y="238477"/>
                      <a:pt x="696461" y="339649"/>
                      <a:pt x="696461" y="460694"/>
                    </a:cubicBezTo>
                    <a:lnTo>
                      <a:pt x="696461" y="460694"/>
                    </a:lnTo>
                    <a:close/>
                    <a:moveTo>
                      <a:pt x="370362" y="756983"/>
                    </a:moveTo>
                    <a:cubicBezTo>
                      <a:pt x="370362" y="748854"/>
                      <a:pt x="376685" y="742530"/>
                      <a:pt x="384815" y="742530"/>
                    </a:cubicBezTo>
                    <a:lnTo>
                      <a:pt x="532960" y="742530"/>
                    </a:lnTo>
                    <a:cubicBezTo>
                      <a:pt x="541089" y="742530"/>
                      <a:pt x="547413" y="748854"/>
                      <a:pt x="547413" y="756983"/>
                    </a:cubicBezTo>
                    <a:cubicBezTo>
                      <a:pt x="547413" y="765113"/>
                      <a:pt x="541089" y="771437"/>
                      <a:pt x="532960" y="771437"/>
                    </a:cubicBezTo>
                    <a:lnTo>
                      <a:pt x="384815" y="771437"/>
                    </a:lnTo>
                    <a:cubicBezTo>
                      <a:pt x="376685" y="772340"/>
                      <a:pt x="370362" y="766017"/>
                      <a:pt x="370362" y="756983"/>
                    </a:cubicBezTo>
                    <a:close/>
                    <a:moveTo>
                      <a:pt x="184277" y="756983"/>
                    </a:moveTo>
                    <a:lnTo>
                      <a:pt x="293579" y="647682"/>
                    </a:lnTo>
                    <a:cubicBezTo>
                      <a:pt x="311646" y="665748"/>
                      <a:pt x="328809" y="683814"/>
                      <a:pt x="341455" y="706398"/>
                    </a:cubicBezTo>
                    <a:lnTo>
                      <a:pt x="237573" y="810279"/>
                    </a:lnTo>
                    <a:lnTo>
                      <a:pt x="184277" y="756983"/>
                    </a:lnTo>
                    <a:close/>
                    <a:moveTo>
                      <a:pt x="29809" y="327906"/>
                    </a:moveTo>
                    <a:cubicBezTo>
                      <a:pt x="29809" y="295386"/>
                      <a:pt x="56006" y="268287"/>
                      <a:pt x="89428" y="268287"/>
                    </a:cubicBezTo>
                    <a:cubicBezTo>
                      <a:pt x="121948" y="268287"/>
                      <a:pt x="149048" y="294483"/>
                      <a:pt x="149048" y="327906"/>
                    </a:cubicBezTo>
                    <a:lnTo>
                      <a:pt x="178858" y="327906"/>
                    </a:lnTo>
                    <a:cubicBezTo>
                      <a:pt x="178858" y="280030"/>
                      <a:pt x="140918" y="241187"/>
                      <a:pt x="93945" y="239380"/>
                    </a:cubicBezTo>
                    <a:cubicBezTo>
                      <a:pt x="91235" y="229444"/>
                      <a:pt x="90332" y="219507"/>
                      <a:pt x="90332" y="209571"/>
                    </a:cubicBezTo>
                    <a:cubicBezTo>
                      <a:pt x="90332" y="144531"/>
                      <a:pt x="143628" y="91235"/>
                      <a:pt x="208667" y="91235"/>
                    </a:cubicBezTo>
                    <a:cubicBezTo>
                      <a:pt x="252026" y="91235"/>
                      <a:pt x="290870" y="114722"/>
                      <a:pt x="311646" y="151758"/>
                    </a:cubicBezTo>
                    <a:cubicBezTo>
                      <a:pt x="280030" y="170728"/>
                      <a:pt x="257447" y="203247"/>
                      <a:pt x="253833" y="241187"/>
                    </a:cubicBezTo>
                    <a:cubicBezTo>
                      <a:pt x="227637" y="247510"/>
                      <a:pt x="208667" y="270996"/>
                      <a:pt x="208667" y="298999"/>
                    </a:cubicBezTo>
                    <a:lnTo>
                      <a:pt x="238477" y="298999"/>
                    </a:lnTo>
                    <a:cubicBezTo>
                      <a:pt x="238477" y="282740"/>
                      <a:pt x="252026" y="269190"/>
                      <a:pt x="268287" y="269190"/>
                    </a:cubicBezTo>
                    <a:cubicBezTo>
                      <a:pt x="284546" y="269190"/>
                      <a:pt x="298096" y="282740"/>
                      <a:pt x="298096" y="298999"/>
                    </a:cubicBezTo>
                    <a:lnTo>
                      <a:pt x="327906" y="298999"/>
                    </a:lnTo>
                    <a:cubicBezTo>
                      <a:pt x="327906" y="271900"/>
                      <a:pt x="309839" y="249317"/>
                      <a:pt x="284546" y="242090"/>
                    </a:cubicBezTo>
                    <a:cubicBezTo>
                      <a:pt x="290870" y="198731"/>
                      <a:pt x="327906" y="165308"/>
                      <a:pt x="372169" y="165308"/>
                    </a:cubicBezTo>
                    <a:cubicBezTo>
                      <a:pt x="420948" y="165308"/>
                      <a:pt x="460694" y="205054"/>
                      <a:pt x="460694" y="253833"/>
                    </a:cubicBezTo>
                    <a:cubicBezTo>
                      <a:pt x="460694" y="261963"/>
                      <a:pt x="459790" y="269190"/>
                      <a:pt x="457080" y="276416"/>
                    </a:cubicBezTo>
                    <a:cubicBezTo>
                      <a:pt x="432691" y="288160"/>
                      <a:pt x="415528" y="313453"/>
                      <a:pt x="415528" y="342359"/>
                    </a:cubicBezTo>
                    <a:lnTo>
                      <a:pt x="445337" y="342359"/>
                    </a:lnTo>
                    <a:cubicBezTo>
                      <a:pt x="445337" y="317969"/>
                      <a:pt x="465211" y="298096"/>
                      <a:pt x="489600" y="298096"/>
                    </a:cubicBezTo>
                    <a:cubicBezTo>
                      <a:pt x="513990" y="298096"/>
                      <a:pt x="533863" y="317969"/>
                      <a:pt x="533863" y="342359"/>
                    </a:cubicBezTo>
                    <a:cubicBezTo>
                      <a:pt x="533863" y="366748"/>
                      <a:pt x="513990" y="386621"/>
                      <a:pt x="489600" y="386621"/>
                    </a:cubicBezTo>
                    <a:lnTo>
                      <a:pt x="88525" y="386621"/>
                    </a:lnTo>
                    <a:cubicBezTo>
                      <a:pt x="56006" y="386621"/>
                      <a:pt x="29809" y="360425"/>
                      <a:pt x="29809" y="327906"/>
                    </a:cubicBezTo>
                    <a:close/>
                    <a:moveTo>
                      <a:pt x="384815" y="416431"/>
                    </a:moveTo>
                    <a:lnTo>
                      <a:pt x="384815" y="460694"/>
                    </a:lnTo>
                    <a:cubicBezTo>
                      <a:pt x="384815" y="485084"/>
                      <a:pt x="404688" y="504957"/>
                      <a:pt x="429078" y="504957"/>
                    </a:cubicBezTo>
                    <a:lnTo>
                      <a:pt x="547413" y="504957"/>
                    </a:lnTo>
                    <a:cubicBezTo>
                      <a:pt x="555543" y="504957"/>
                      <a:pt x="561866" y="511280"/>
                      <a:pt x="561866" y="519410"/>
                    </a:cubicBezTo>
                    <a:cubicBezTo>
                      <a:pt x="561866" y="527540"/>
                      <a:pt x="555543" y="533863"/>
                      <a:pt x="547413" y="533863"/>
                    </a:cubicBezTo>
                    <a:lnTo>
                      <a:pt x="399268" y="533863"/>
                    </a:lnTo>
                    <a:cubicBezTo>
                      <a:pt x="374878" y="533863"/>
                      <a:pt x="355005" y="553736"/>
                      <a:pt x="355005" y="578126"/>
                    </a:cubicBezTo>
                    <a:cubicBezTo>
                      <a:pt x="355005" y="602516"/>
                      <a:pt x="374878" y="622389"/>
                      <a:pt x="399268" y="622389"/>
                    </a:cubicBezTo>
                    <a:lnTo>
                      <a:pt x="429078" y="622389"/>
                    </a:lnTo>
                    <a:cubicBezTo>
                      <a:pt x="437207" y="622389"/>
                      <a:pt x="443531" y="628712"/>
                      <a:pt x="443531" y="636842"/>
                    </a:cubicBezTo>
                    <a:lnTo>
                      <a:pt x="443531" y="710914"/>
                    </a:lnTo>
                    <a:lnTo>
                      <a:pt x="383912" y="710914"/>
                    </a:lnTo>
                    <a:cubicBezTo>
                      <a:pt x="381202" y="710914"/>
                      <a:pt x="377588" y="710914"/>
                      <a:pt x="374878" y="711817"/>
                    </a:cubicBezTo>
                    <a:cubicBezTo>
                      <a:pt x="357715" y="670265"/>
                      <a:pt x="328809" y="641358"/>
                      <a:pt x="300806" y="614259"/>
                    </a:cubicBezTo>
                    <a:cubicBezTo>
                      <a:pt x="259253" y="574512"/>
                      <a:pt x="220410" y="536573"/>
                      <a:pt x="220410" y="458887"/>
                    </a:cubicBezTo>
                    <a:cubicBezTo>
                      <a:pt x="220410" y="443531"/>
                      <a:pt x="222217" y="429078"/>
                      <a:pt x="224927" y="414625"/>
                    </a:cubicBezTo>
                    <a:lnTo>
                      <a:pt x="384815" y="414625"/>
                    </a:lnTo>
                    <a:close/>
                    <a:moveTo>
                      <a:pt x="271900" y="627808"/>
                    </a:moveTo>
                    <a:lnTo>
                      <a:pt x="163501" y="736207"/>
                    </a:lnTo>
                    <a:lnTo>
                      <a:pt x="110205" y="682911"/>
                    </a:lnTo>
                    <a:lnTo>
                      <a:pt x="223121" y="569996"/>
                    </a:lnTo>
                    <a:cubicBezTo>
                      <a:pt x="236670" y="591676"/>
                      <a:pt x="253833" y="610645"/>
                      <a:pt x="271900" y="627808"/>
                    </a:cubicBezTo>
                    <a:lnTo>
                      <a:pt x="271900" y="627808"/>
                    </a:lnTo>
                    <a:close/>
                    <a:moveTo>
                      <a:pt x="94849" y="710010"/>
                    </a:moveTo>
                    <a:lnTo>
                      <a:pt x="210474" y="825636"/>
                    </a:lnTo>
                    <a:lnTo>
                      <a:pt x="112012" y="863575"/>
                    </a:lnTo>
                    <a:lnTo>
                      <a:pt x="56909" y="808473"/>
                    </a:lnTo>
                    <a:lnTo>
                      <a:pt x="94849" y="710010"/>
                    </a:lnTo>
                    <a:close/>
                    <a:moveTo>
                      <a:pt x="43359" y="889772"/>
                    </a:moveTo>
                    <a:cubicBezTo>
                      <a:pt x="37036" y="892482"/>
                      <a:pt x="29809" y="887062"/>
                      <a:pt x="29809" y="879835"/>
                    </a:cubicBezTo>
                    <a:cubicBezTo>
                      <a:pt x="29809" y="878932"/>
                      <a:pt x="29809" y="877125"/>
                      <a:pt x="30713" y="876222"/>
                    </a:cubicBezTo>
                    <a:lnTo>
                      <a:pt x="45166" y="837379"/>
                    </a:lnTo>
                    <a:lnTo>
                      <a:pt x="82202" y="874415"/>
                    </a:lnTo>
                    <a:lnTo>
                      <a:pt x="43359" y="889772"/>
                    </a:lnTo>
                    <a:close/>
                    <a:moveTo>
                      <a:pt x="458887" y="890675"/>
                    </a:moveTo>
                    <a:cubicBezTo>
                      <a:pt x="437207" y="890675"/>
                      <a:pt x="417335" y="878932"/>
                      <a:pt x="406495" y="860865"/>
                    </a:cubicBezTo>
                    <a:lnTo>
                      <a:pt x="511280" y="860865"/>
                    </a:lnTo>
                    <a:cubicBezTo>
                      <a:pt x="500440" y="878932"/>
                      <a:pt x="481470" y="890675"/>
                      <a:pt x="458887" y="890675"/>
                    </a:cubicBezTo>
                    <a:lnTo>
                      <a:pt x="458887" y="890675"/>
                    </a:lnTo>
                    <a:close/>
                    <a:moveTo>
                      <a:pt x="533863" y="831056"/>
                    </a:moveTo>
                    <a:lnTo>
                      <a:pt x="385718" y="831056"/>
                    </a:lnTo>
                    <a:cubicBezTo>
                      <a:pt x="377588" y="831056"/>
                      <a:pt x="371265" y="824732"/>
                      <a:pt x="371265" y="816603"/>
                    </a:cubicBezTo>
                    <a:cubicBezTo>
                      <a:pt x="371265" y="808473"/>
                      <a:pt x="377588" y="802149"/>
                      <a:pt x="385718" y="802149"/>
                    </a:cubicBezTo>
                    <a:lnTo>
                      <a:pt x="533863" y="802149"/>
                    </a:lnTo>
                    <a:cubicBezTo>
                      <a:pt x="541993" y="802149"/>
                      <a:pt x="548316" y="808473"/>
                      <a:pt x="548316" y="816603"/>
                    </a:cubicBezTo>
                    <a:cubicBezTo>
                      <a:pt x="548316" y="824732"/>
                      <a:pt x="541993" y="831056"/>
                      <a:pt x="533863" y="831056"/>
                    </a:cubicBezTo>
                    <a:close/>
                    <a:moveTo>
                      <a:pt x="888868" y="668458"/>
                    </a:moveTo>
                    <a:lnTo>
                      <a:pt x="888868" y="668458"/>
                    </a:lnTo>
                    <a:cubicBezTo>
                      <a:pt x="864479" y="668458"/>
                      <a:pt x="843702" y="682911"/>
                      <a:pt x="834669" y="704591"/>
                    </a:cubicBezTo>
                    <a:cubicBezTo>
                      <a:pt x="825636" y="726271"/>
                      <a:pt x="830152" y="751564"/>
                      <a:pt x="847315" y="767823"/>
                    </a:cubicBezTo>
                    <a:lnTo>
                      <a:pt x="848219" y="768726"/>
                    </a:lnTo>
                    <a:lnTo>
                      <a:pt x="827442" y="789503"/>
                    </a:lnTo>
                    <a:lnTo>
                      <a:pt x="826539" y="788600"/>
                    </a:lnTo>
                    <a:cubicBezTo>
                      <a:pt x="809376" y="771437"/>
                      <a:pt x="784986" y="766920"/>
                      <a:pt x="762403" y="775953"/>
                    </a:cubicBezTo>
                    <a:cubicBezTo>
                      <a:pt x="740724" y="784987"/>
                      <a:pt x="726270" y="805763"/>
                      <a:pt x="726270" y="829249"/>
                    </a:cubicBezTo>
                    <a:lnTo>
                      <a:pt x="726270" y="830153"/>
                    </a:lnTo>
                    <a:lnTo>
                      <a:pt x="696461" y="830153"/>
                    </a:lnTo>
                    <a:lnTo>
                      <a:pt x="696461" y="831056"/>
                    </a:lnTo>
                    <a:cubicBezTo>
                      <a:pt x="696461" y="807570"/>
                      <a:pt x="682008" y="786793"/>
                      <a:pt x="660328" y="776856"/>
                    </a:cubicBezTo>
                    <a:cubicBezTo>
                      <a:pt x="638648" y="767823"/>
                      <a:pt x="613355" y="772340"/>
                      <a:pt x="597095" y="789503"/>
                    </a:cubicBezTo>
                    <a:lnTo>
                      <a:pt x="596192" y="790406"/>
                    </a:lnTo>
                    <a:lnTo>
                      <a:pt x="576319" y="770533"/>
                    </a:lnTo>
                    <a:cubicBezTo>
                      <a:pt x="577222" y="766920"/>
                      <a:pt x="578126" y="762404"/>
                      <a:pt x="578126" y="757887"/>
                    </a:cubicBezTo>
                    <a:cubicBezTo>
                      <a:pt x="578126" y="747047"/>
                      <a:pt x="574512" y="738014"/>
                      <a:pt x="568189" y="729884"/>
                    </a:cubicBezTo>
                    <a:cubicBezTo>
                      <a:pt x="577222" y="704591"/>
                      <a:pt x="591676" y="684718"/>
                      <a:pt x="608838" y="666651"/>
                    </a:cubicBezTo>
                    <a:cubicBezTo>
                      <a:pt x="615162" y="718141"/>
                      <a:pt x="658521" y="757887"/>
                      <a:pt x="711817" y="757887"/>
                    </a:cubicBezTo>
                    <a:cubicBezTo>
                      <a:pt x="768726" y="757887"/>
                      <a:pt x="815699" y="710914"/>
                      <a:pt x="815699" y="654005"/>
                    </a:cubicBezTo>
                    <a:cubicBezTo>
                      <a:pt x="815699" y="597095"/>
                      <a:pt x="768726" y="550123"/>
                      <a:pt x="711817" y="550123"/>
                    </a:cubicBezTo>
                    <a:cubicBezTo>
                      <a:pt x="710010" y="550123"/>
                      <a:pt x="709107" y="550123"/>
                      <a:pt x="707301" y="550123"/>
                    </a:cubicBezTo>
                    <a:cubicBezTo>
                      <a:pt x="717237" y="529346"/>
                      <a:pt x="724464" y="504957"/>
                      <a:pt x="726270" y="476051"/>
                    </a:cubicBezTo>
                    <a:lnTo>
                      <a:pt x="727174" y="476051"/>
                    </a:lnTo>
                    <a:lnTo>
                      <a:pt x="727174" y="476954"/>
                    </a:lnTo>
                    <a:cubicBezTo>
                      <a:pt x="727174" y="500440"/>
                      <a:pt x="741627" y="521217"/>
                      <a:pt x="763307" y="531153"/>
                    </a:cubicBezTo>
                    <a:cubicBezTo>
                      <a:pt x="784986" y="540186"/>
                      <a:pt x="810279" y="535670"/>
                      <a:pt x="826539" y="518507"/>
                    </a:cubicBezTo>
                    <a:lnTo>
                      <a:pt x="827442" y="517603"/>
                    </a:lnTo>
                    <a:lnTo>
                      <a:pt x="848219" y="538379"/>
                    </a:lnTo>
                    <a:lnTo>
                      <a:pt x="847315" y="539283"/>
                    </a:lnTo>
                    <a:cubicBezTo>
                      <a:pt x="831056" y="555543"/>
                      <a:pt x="825636" y="580836"/>
                      <a:pt x="834669" y="603419"/>
                    </a:cubicBezTo>
                    <a:cubicBezTo>
                      <a:pt x="843702" y="625099"/>
                      <a:pt x="864479" y="639552"/>
                      <a:pt x="887965" y="639552"/>
                    </a:cubicBezTo>
                    <a:lnTo>
                      <a:pt x="888868" y="639552"/>
                    </a:lnTo>
                    <a:lnTo>
                      <a:pt x="888868" y="668458"/>
                    </a:lnTo>
                    <a:close/>
                  </a:path>
                </a:pathLst>
              </a:custGeom>
              <a:solidFill>
                <a:srgbClr val="7FCCC7"/>
              </a:solidFill>
              <a:ln w="9028" cap="flat">
                <a:noFill/>
                <a:prstDash val="solid"/>
                <a:miter/>
              </a:ln>
            </p:spPr>
            <p:txBody>
              <a:bodyPr rtlCol="0" anchor="ctr"/>
              <a:lstStyle/>
              <a:p>
                <a:endParaRPr lang="en-GB"/>
              </a:p>
            </p:txBody>
          </p:sp>
        </p:grpSp>
      </p:grpSp>
      <p:grpSp>
        <p:nvGrpSpPr>
          <p:cNvPr id="56" name="Group 55">
            <a:extLst>
              <a:ext uri="{FF2B5EF4-FFF2-40B4-BE49-F238E27FC236}">
                <a16:creationId xmlns:a16="http://schemas.microsoft.com/office/drawing/2014/main" id="{C3D4086C-5E7C-5440-A457-2E8A273158DA}"/>
              </a:ext>
            </a:extLst>
          </p:cNvPr>
          <p:cNvGrpSpPr/>
          <p:nvPr/>
        </p:nvGrpSpPr>
        <p:grpSpPr>
          <a:xfrm>
            <a:off x="519803" y="6775280"/>
            <a:ext cx="1521426" cy="2214649"/>
            <a:chOff x="495624" y="6883840"/>
            <a:chExt cx="1521426" cy="2214649"/>
          </a:xfrm>
        </p:grpSpPr>
        <p:sp>
          <p:nvSpPr>
            <p:cNvPr id="49" name="Freeform: Shape 4232">
              <a:extLst>
                <a:ext uri="{FF2B5EF4-FFF2-40B4-BE49-F238E27FC236}">
                  <a16:creationId xmlns:a16="http://schemas.microsoft.com/office/drawing/2014/main" id="{B9ABE70A-4470-1147-8D4C-EB0900324A75}"/>
                </a:ext>
              </a:extLst>
            </p:cNvPr>
            <p:cNvSpPr/>
            <p:nvPr/>
          </p:nvSpPr>
          <p:spPr>
            <a:xfrm>
              <a:off x="495624" y="6883840"/>
              <a:ext cx="1521426" cy="2214649"/>
            </a:xfrm>
            <a:custGeom>
              <a:avLst/>
              <a:gdLst/>
              <a:ahLst/>
              <a:cxnLst>
                <a:cxn ang="3cd4">
                  <a:pos x="hc" y="t"/>
                </a:cxn>
                <a:cxn ang="cd2">
                  <a:pos x="l" y="vc"/>
                </a:cxn>
                <a:cxn ang="cd4">
                  <a:pos x="hc" y="b"/>
                </a:cxn>
                <a:cxn ang="0">
                  <a:pos x="r" y="vc"/>
                </a:cxn>
              </a:cxnLst>
              <a:rect l="l" t="t" r="r" b="b"/>
              <a:pathLst>
                <a:path w="914" h="1330">
                  <a:moveTo>
                    <a:pt x="456" y="219"/>
                  </a:moveTo>
                  <a:cubicBezTo>
                    <a:pt x="327" y="219"/>
                    <a:pt x="220" y="325"/>
                    <a:pt x="220" y="455"/>
                  </a:cubicBezTo>
                  <a:cubicBezTo>
                    <a:pt x="220" y="587"/>
                    <a:pt x="327" y="692"/>
                    <a:pt x="456" y="692"/>
                  </a:cubicBezTo>
                  <a:cubicBezTo>
                    <a:pt x="587" y="692"/>
                    <a:pt x="693" y="587"/>
                    <a:pt x="693" y="455"/>
                  </a:cubicBezTo>
                  <a:cubicBezTo>
                    <a:pt x="693" y="325"/>
                    <a:pt x="587" y="219"/>
                    <a:pt x="456" y="219"/>
                  </a:cubicBezTo>
                  <a:close/>
                  <a:moveTo>
                    <a:pt x="456" y="0"/>
                  </a:moveTo>
                  <a:cubicBezTo>
                    <a:pt x="709" y="0"/>
                    <a:pt x="914" y="203"/>
                    <a:pt x="914" y="455"/>
                  </a:cubicBezTo>
                  <a:cubicBezTo>
                    <a:pt x="914" y="705"/>
                    <a:pt x="714" y="907"/>
                    <a:pt x="466" y="913"/>
                  </a:cubicBezTo>
                  <a:lnTo>
                    <a:pt x="466" y="1276"/>
                  </a:lnTo>
                  <a:cubicBezTo>
                    <a:pt x="477" y="1280"/>
                    <a:pt x="485" y="1289"/>
                    <a:pt x="485" y="1303"/>
                  </a:cubicBezTo>
                  <a:cubicBezTo>
                    <a:pt x="485" y="1316"/>
                    <a:pt x="473" y="1330"/>
                    <a:pt x="456" y="1330"/>
                  </a:cubicBezTo>
                  <a:cubicBezTo>
                    <a:pt x="442" y="1330"/>
                    <a:pt x="429" y="1316"/>
                    <a:pt x="429" y="1303"/>
                  </a:cubicBezTo>
                  <a:cubicBezTo>
                    <a:pt x="429" y="1289"/>
                    <a:pt x="438" y="1280"/>
                    <a:pt x="449" y="1276"/>
                  </a:cubicBezTo>
                  <a:lnTo>
                    <a:pt x="449" y="913"/>
                  </a:lnTo>
                  <a:cubicBezTo>
                    <a:pt x="200" y="907"/>
                    <a:pt x="0" y="705"/>
                    <a:pt x="0" y="455"/>
                  </a:cubicBezTo>
                  <a:cubicBezTo>
                    <a:pt x="0" y="203"/>
                    <a:pt x="204" y="0"/>
                    <a:pt x="456" y="0"/>
                  </a:cubicBezTo>
                  <a:close/>
                </a:path>
              </a:pathLst>
            </a:custGeom>
            <a:solidFill>
              <a:srgbClr val="23385C"/>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sp>
          <p:nvSpPr>
            <p:cNvPr id="50" name="Freeform: Shape 4237">
              <a:extLst>
                <a:ext uri="{FF2B5EF4-FFF2-40B4-BE49-F238E27FC236}">
                  <a16:creationId xmlns:a16="http://schemas.microsoft.com/office/drawing/2014/main" id="{E9E5E387-BB10-224A-B89D-86CA27BFEA4C}"/>
                </a:ext>
              </a:extLst>
            </p:cNvPr>
            <p:cNvSpPr/>
            <p:nvPr/>
          </p:nvSpPr>
          <p:spPr>
            <a:xfrm>
              <a:off x="538723" y="6925275"/>
              <a:ext cx="1433560" cy="1433557"/>
            </a:xfrm>
            <a:custGeom>
              <a:avLst/>
              <a:gdLst/>
              <a:ahLst/>
              <a:cxnLst>
                <a:cxn ang="3cd4">
                  <a:pos x="hc" y="t"/>
                </a:cxn>
                <a:cxn ang="cd2">
                  <a:pos x="l" y="vc"/>
                </a:cxn>
                <a:cxn ang="cd4">
                  <a:pos x="hc" y="b"/>
                </a:cxn>
                <a:cxn ang="0">
                  <a:pos x="r" y="vc"/>
                </a:cxn>
              </a:cxnLst>
              <a:rect l="l" t="t" r="r" b="b"/>
              <a:pathLst>
                <a:path w="473" h="473">
                  <a:moveTo>
                    <a:pt x="236" y="0"/>
                  </a:moveTo>
                  <a:cubicBezTo>
                    <a:pt x="107" y="0"/>
                    <a:pt x="0" y="106"/>
                    <a:pt x="0" y="236"/>
                  </a:cubicBezTo>
                  <a:cubicBezTo>
                    <a:pt x="0" y="368"/>
                    <a:pt x="107" y="473"/>
                    <a:pt x="236" y="473"/>
                  </a:cubicBezTo>
                  <a:cubicBezTo>
                    <a:pt x="367" y="473"/>
                    <a:pt x="473" y="368"/>
                    <a:pt x="473" y="236"/>
                  </a:cubicBezTo>
                  <a:cubicBezTo>
                    <a:pt x="473" y="106"/>
                    <a:pt x="367" y="0"/>
                    <a:pt x="236" y="0"/>
                  </a:cubicBezTo>
                  <a:close/>
                </a:path>
              </a:pathLst>
            </a:custGeom>
            <a:solidFill>
              <a:srgbClr val="23385C"/>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grpSp>
      <p:grpSp>
        <p:nvGrpSpPr>
          <p:cNvPr id="55" name="Group 54">
            <a:extLst>
              <a:ext uri="{FF2B5EF4-FFF2-40B4-BE49-F238E27FC236}">
                <a16:creationId xmlns:a16="http://schemas.microsoft.com/office/drawing/2014/main" id="{E746D135-4245-AF43-852A-E348CDDDA30B}"/>
              </a:ext>
            </a:extLst>
          </p:cNvPr>
          <p:cNvGrpSpPr/>
          <p:nvPr/>
        </p:nvGrpSpPr>
        <p:grpSpPr>
          <a:xfrm>
            <a:off x="3019958" y="6775280"/>
            <a:ext cx="1519759" cy="2214649"/>
            <a:chOff x="3618651" y="6930140"/>
            <a:chExt cx="1519759" cy="2214649"/>
          </a:xfrm>
        </p:grpSpPr>
        <p:sp>
          <p:nvSpPr>
            <p:cNvPr id="51" name="Freeform: Shape 4233">
              <a:extLst>
                <a:ext uri="{FF2B5EF4-FFF2-40B4-BE49-F238E27FC236}">
                  <a16:creationId xmlns:a16="http://schemas.microsoft.com/office/drawing/2014/main" id="{7F07B0C6-E016-014A-8A0C-CD89980616D5}"/>
                </a:ext>
              </a:extLst>
            </p:cNvPr>
            <p:cNvSpPr/>
            <p:nvPr/>
          </p:nvSpPr>
          <p:spPr>
            <a:xfrm>
              <a:off x="3618651" y="6930140"/>
              <a:ext cx="1519759" cy="2214649"/>
            </a:xfrm>
            <a:custGeom>
              <a:avLst/>
              <a:gdLst/>
              <a:ahLst/>
              <a:cxnLst>
                <a:cxn ang="3cd4">
                  <a:pos x="hc" y="t"/>
                </a:cxn>
                <a:cxn ang="cd2">
                  <a:pos x="l" y="vc"/>
                </a:cxn>
                <a:cxn ang="cd4">
                  <a:pos x="hc" y="b"/>
                </a:cxn>
                <a:cxn ang="0">
                  <a:pos x="r" y="vc"/>
                </a:cxn>
              </a:cxnLst>
              <a:rect l="l" t="t" r="r" b="b"/>
              <a:pathLst>
                <a:path w="913" h="1330">
                  <a:moveTo>
                    <a:pt x="455" y="219"/>
                  </a:moveTo>
                  <a:cubicBezTo>
                    <a:pt x="325" y="219"/>
                    <a:pt x="219" y="325"/>
                    <a:pt x="219" y="455"/>
                  </a:cubicBezTo>
                  <a:cubicBezTo>
                    <a:pt x="219" y="587"/>
                    <a:pt x="325" y="692"/>
                    <a:pt x="455" y="692"/>
                  </a:cubicBezTo>
                  <a:cubicBezTo>
                    <a:pt x="587" y="692"/>
                    <a:pt x="692" y="587"/>
                    <a:pt x="692" y="455"/>
                  </a:cubicBezTo>
                  <a:cubicBezTo>
                    <a:pt x="692" y="325"/>
                    <a:pt x="587" y="219"/>
                    <a:pt x="455" y="219"/>
                  </a:cubicBezTo>
                  <a:close/>
                  <a:moveTo>
                    <a:pt x="455" y="0"/>
                  </a:moveTo>
                  <a:cubicBezTo>
                    <a:pt x="708" y="0"/>
                    <a:pt x="913" y="203"/>
                    <a:pt x="913" y="455"/>
                  </a:cubicBezTo>
                  <a:cubicBezTo>
                    <a:pt x="913" y="705"/>
                    <a:pt x="713" y="907"/>
                    <a:pt x="465" y="913"/>
                  </a:cubicBezTo>
                  <a:lnTo>
                    <a:pt x="465" y="1276"/>
                  </a:lnTo>
                  <a:cubicBezTo>
                    <a:pt x="476" y="1280"/>
                    <a:pt x="484" y="1289"/>
                    <a:pt x="484" y="1303"/>
                  </a:cubicBezTo>
                  <a:cubicBezTo>
                    <a:pt x="484" y="1316"/>
                    <a:pt x="471" y="1330"/>
                    <a:pt x="455" y="1330"/>
                  </a:cubicBezTo>
                  <a:cubicBezTo>
                    <a:pt x="441" y="1330"/>
                    <a:pt x="429" y="1316"/>
                    <a:pt x="429" y="1303"/>
                  </a:cubicBezTo>
                  <a:cubicBezTo>
                    <a:pt x="429" y="1289"/>
                    <a:pt x="435" y="1280"/>
                    <a:pt x="446" y="1276"/>
                  </a:cubicBezTo>
                  <a:lnTo>
                    <a:pt x="446" y="913"/>
                  </a:lnTo>
                  <a:cubicBezTo>
                    <a:pt x="199" y="907"/>
                    <a:pt x="0" y="705"/>
                    <a:pt x="0" y="455"/>
                  </a:cubicBezTo>
                  <a:cubicBezTo>
                    <a:pt x="0" y="203"/>
                    <a:pt x="203" y="0"/>
                    <a:pt x="455" y="0"/>
                  </a:cubicBezTo>
                  <a:close/>
                </a:path>
              </a:pathLst>
            </a:custGeom>
            <a:solidFill>
              <a:srgbClr val="00A4B8"/>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sp>
          <p:nvSpPr>
            <p:cNvPr id="52" name="Freeform: Shape 4238">
              <a:extLst>
                <a:ext uri="{FF2B5EF4-FFF2-40B4-BE49-F238E27FC236}">
                  <a16:creationId xmlns:a16="http://schemas.microsoft.com/office/drawing/2014/main" id="{457BCEA8-329C-5D49-8EB5-6BD65759642A}"/>
                </a:ext>
              </a:extLst>
            </p:cNvPr>
            <p:cNvSpPr/>
            <p:nvPr/>
          </p:nvSpPr>
          <p:spPr>
            <a:xfrm>
              <a:off x="3660084" y="6971575"/>
              <a:ext cx="1433560" cy="1433557"/>
            </a:xfrm>
            <a:custGeom>
              <a:avLst/>
              <a:gdLst/>
              <a:ahLst/>
              <a:cxnLst>
                <a:cxn ang="3cd4">
                  <a:pos x="hc" y="t"/>
                </a:cxn>
                <a:cxn ang="cd2">
                  <a:pos x="l" y="vc"/>
                </a:cxn>
                <a:cxn ang="cd4">
                  <a:pos x="hc" y="b"/>
                </a:cxn>
                <a:cxn ang="0">
                  <a:pos x="r" y="vc"/>
                </a:cxn>
              </a:cxnLst>
              <a:rect l="l" t="t" r="r" b="b"/>
              <a:pathLst>
                <a:path w="473" h="473">
                  <a:moveTo>
                    <a:pt x="236" y="0"/>
                  </a:moveTo>
                  <a:cubicBezTo>
                    <a:pt x="106" y="0"/>
                    <a:pt x="0" y="106"/>
                    <a:pt x="0" y="236"/>
                  </a:cubicBezTo>
                  <a:cubicBezTo>
                    <a:pt x="0" y="368"/>
                    <a:pt x="106" y="473"/>
                    <a:pt x="236" y="473"/>
                  </a:cubicBezTo>
                  <a:cubicBezTo>
                    <a:pt x="368" y="473"/>
                    <a:pt x="473" y="368"/>
                    <a:pt x="473" y="236"/>
                  </a:cubicBezTo>
                  <a:cubicBezTo>
                    <a:pt x="473" y="106"/>
                    <a:pt x="368" y="0"/>
                    <a:pt x="236" y="0"/>
                  </a:cubicBezTo>
                  <a:close/>
                </a:path>
              </a:pathLst>
            </a:custGeom>
            <a:solidFill>
              <a:srgbClr val="00A4B8"/>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grpSp>
      <p:grpSp>
        <p:nvGrpSpPr>
          <p:cNvPr id="57" name="Group 56">
            <a:extLst>
              <a:ext uri="{FF2B5EF4-FFF2-40B4-BE49-F238E27FC236}">
                <a16:creationId xmlns:a16="http://schemas.microsoft.com/office/drawing/2014/main" id="{D6DB7493-16AB-214B-9ACA-2FBD122205D5}"/>
              </a:ext>
            </a:extLst>
          </p:cNvPr>
          <p:cNvGrpSpPr/>
          <p:nvPr/>
        </p:nvGrpSpPr>
        <p:grpSpPr>
          <a:xfrm>
            <a:off x="5518446" y="6775280"/>
            <a:ext cx="1521426" cy="2214649"/>
            <a:chOff x="7015642" y="6936390"/>
            <a:chExt cx="1521426" cy="2214649"/>
          </a:xfrm>
        </p:grpSpPr>
        <p:sp>
          <p:nvSpPr>
            <p:cNvPr id="53" name="Freeform: Shape 4234">
              <a:extLst>
                <a:ext uri="{FF2B5EF4-FFF2-40B4-BE49-F238E27FC236}">
                  <a16:creationId xmlns:a16="http://schemas.microsoft.com/office/drawing/2014/main" id="{FE0A40AE-07A8-7E4F-A5DF-06AE5EA2504D}"/>
                </a:ext>
              </a:extLst>
            </p:cNvPr>
            <p:cNvSpPr/>
            <p:nvPr/>
          </p:nvSpPr>
          <p:spPr>
            <a:xfrm>
              <a:off x="7015642" y="6936390"/>
              <a:ext cx="1521426" cy="2214649"/>
            </a:xfrm>
            <a:custGeom>
              <a:avLst/>
              <a:gdLst/>
              <a:ahLst/>
              <a:cxnLst>
                <a:cxn ang="3cd4">
                  <a:pos x="hc" y="t"/>
                </a:cxn>
                <a:cxn ang="cd2">
                  <a:pos x="l" y="vc"/>
                </a:cxn>
                <a:cxn ang="cd4">
                  <a:pos x="hc" y="b"/>
                </a:cxn>
                <a:cxn ang="0">
                  <a:pos x="r" y="vc"/>
                </a:cxn>
              </a:cxnLst>
              <a:rect l="l" t="t" r="r" b="b"/>
              <a:pathLst>
                <a:path w="914" h="1330">
                  <a:moveTo>
                    <a:pt x="457" y="219"/>
                  </a:moveTo>
                  <a:cubicBezTo>
                    <a:pt x="327" y="219"/>
                    <a:pt x="222" y="325"/>
                    <a:pt x="222" y="455"/>
                  </a:cubicBezTo>
                  <a:cubicBezTo>
                    <a:pt x="222" y="587"/>
                    <a:pt x="327" y="692"/>
                    <a:pt x="457" y="692"/>
                  </a:cubicBezTo>
                  <a:cubicBezTo>
                    <a:pt x="587" y="692"/>
                    <a:pt x="694" y="587"/>
                    <a:pt x="694" y="455"/>
                  </a:cubicBezTo>
                  <a:cubicBezTo>
                    <a:pt x="694" y="325"/>
                    <a:pt x="587" y="219"/>
                    <a:pt x="457" y="219"/>
                  </a:cubicBezTo>
                  <a:close/>
                  <a:moveTo>
                    <a:pt x="457" y="0"/>
                  </a:moveTo>
                  <a:cubicBezTo>
                    <a:pt x="710" y="0"/>
                    <a:pt x="914" y="203"/>
                    <a:pt x="914" y="455"/>
                  </a:cubicBezTo>
                  <a:cubicBezTo>
                    <a:pt x="914" y="705"/>
                    <a:pt x="714" y="907"/>
                    <a:pt x="466" y="913"/>
                  </a:cubicBezTo>
                  <a:lnTo>
                    <a:pt x="466" y="1276"/>
                  </a:lnTo>
                  <a:cubicBezTo>
                    <a:pt x="477" y="1280"/>
                    <a:pt x="484" y="1289"/>
                    <a:pt x="484" y="1303"/>
                  </a:cubicBezTo>
                  <a:cubicBezTo>
                    <a:pt x="484" y="1316"/>
                    <a:pt x="472" y="1330"/>
                    <a:pt x="457" y="1330"/>
                  </a:cubicBezTo>
                  <a:cubicBezTo>
                    <a:pt x="441" y="1330"/>
                    <a:pt x="429" y="1316"/>
                    <a:pt x="429" y="1303"/>
                  </a:cubicBezTo>
                  <a:cubicBezTo>
                    <a:pt x="429" y="1289"/>
                    <a:pt x="437" y="1280"/>
                    <a:pt x="448" y="1276"/>
                  </a:cubicBezTo>
                  <a:lnTo>
                    <a:pt x="448" y="913"/>
                  </a:lnTo>
                  <a:cubicBezTo>
                    <a:pt x="200" y="907"/>
                    <a:pt x="0" y="705"/>
                    <a:pt x="0" y="455"/>
                  </a:cubicBezTo>
                  <a:cubicBezTo>
                    <a:pt x="0" y="203"/>
                    <a:pt x="205" y="0"/>
                    <a:pt x="457" y="0"/>
                  </a:cubicBezTo>
                  <a:close/>
                </a:path>
              </a:pathLst>
            </a:custGeom>
            <a:solidFill>
              <a:srgbClr val="7DCCC6"/>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sp>
          <p:nvSpPr>
            <p:cNvPr id="54" name="Freeform: Shape 4239">
              <a:extLst>
                <a:ext uri="{FF2B5EF4-FFF2-40B4-BE49-F238E27FC236}">
                  <a16:creationId xmlns:a16="http://schemas.microsoft.com/office/drawing/2014/main" id="{2DA88DF5-5B9F-0749-BA53-A6B05A998FD7}"/>
                </a:ext>
              </a:extLst>
            </p:cNvPr>
            <p:cNvSpPr/>
            <p:nvPr/>
          </p:nvSpPr>
          <p:spPr>
            <a:xfrm>
              <a:off x="7062760" y="6977825"/>
              <a:ext cx="1430522" cy="1433557"/>
            </a:xfrm>
            <a:custGeom>
              <a:avLst/>
              <a:gdLst/>
              <a:ahLst/>
              <a:cxnLst>
                <a:cxn ang="3cd4">
                  <a:pos x="hc" y="t"/>
                </a:cxn>
                <a:cxn ang="cd2">
                  <a:pos x="l" y="vc"/>
                </a:cxn>
                <a:cxn ang="cd4">
                  <a:pos x="hc" y="b"/>
                </a:cxn>
                <a:cxn ang="0">
                  <a:pos x="r" y="vc"/>
                </a:cxn>
              </a:cxnLst>
              <a:rect l="l" t="t" r="r" b="b"/>
              <a:pathLst>
                <a:path w="472" h="473">
                  <a:moveTo>
                    <a:pt x="235" y="0"/>
                  </a:moveTo>
                  <a:cubicBezTo>
                    <a:pt x="105" y="0"/>
                    <a:pt x="0" y="106"/>
                    <a:pt x="0" y="236"/>
                  </a:cubicBezTo>
                  <a:cubicBezTo>
                    <a:pt x="0" y="368"/>
                    <a:pt x="105" y="473"/>
                    <a:pt x="235" y="473"/>
                  </a:cubicBezTo>
                  <a:cubicBezTo>
                    <a:pt x="365" y="473"/>
                    <a:pt x="472" y="368"/>
                    <a:pt x="472" y="236"/>
                  </a:cubicBezTo>
                  <a:cubicBezTo>
                    <a:pt x="472" y="106"/>
                    <a:pt x="365" y="0"/>
                    <a:pt x="235" y="0"/>
                  </a:cubicBezTo>
                  <a:close/>
                </a:path>
              </a:pathLst>
            </a:custGeom>
            <a:solidFill>
              <a:srgbClr val="7DCCC6"/>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grpSp>
      <p:sp>
        <p:nvSpPr>
          <p:cNvPr id="58" name="Text Placeholder 25">
            <a:extLst>
              <a:ext uri="{FF2B5EF4-FFF2-40B4-BE49-F238E27FC236}">
                <a16:creationId xmlns:a16="http://schemas.microsoft.com/office/drawing/2014/main" id="{2B5846D1-52E5-5546-AE25-43F4C4E5239F}"/>
              </a:ext>
            </a:extLst>
          </p:cNvPr>
          <p:cNvSpPr txBox="1">
            <a:spLocks/>
          </p:cNvSpPr>
          <p:nvPr/>
        </p:nvSpPr>
        <p:spPr>
          <a:xfrm>
            <a:off x="3212006" y="7031129"/>
            <a:ext cx="1149178"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3300" b="1" dirty="0">
                <a:solidFill>
                  <a:schemeClr val="bg1"/>
                </a:solidFill>
                <a:latin typeface="Calibri" panose="020F0502020204030204" pitchFamily="34" charset="0"/>
              </a:rPr>
              <a:t>02</a:t>
            </a:r>
          </a:p>
        </p:txBody>
      </p:sp>
      <p:sp>
        <p:nvSpPr>
          <p:cNvPr id="59" name="Text Placeholder 3">
            <a:extLst>
              <a:ext uri="{FF2B5EF4-FFF2-40B4-BE49-F238E27FC236}">
                <a16:creationId xmlns:a16="http://schemas.microsoft.com/office/drawing/2014/main" id="{AC08640E-F92D-4D4B-B1B5-599E24BF1E3C}"/>
              </a:ext>
            </a:extLst>
          </p:cNvPr>
          <p:cNvSpPr txBox="1">
            <a:spLocks/>
          </p:cNvSpPr>
          <p:nvPr/>
        </p:nvSpPr>
        <p:spPr>
          <a:xfrm>
            <a:off x="3033473" y="7592032"/>
            <a:ext cx="1506244" cy="54638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800" b="1" dirty="0">
                <a:solidFill>
                  <a:schemeClr val="bg1"/>
                </a:solidFill>
              </a:rPr>
              <a:t>RESSURSID</a:t>
            </a:r>
          </a:p>
        </p:txBody>
      </p:sp>
      <p:sp>
        <p:nvSpPr>
          <p:cNvPr id="60" name="Text Placeholder 25">
            <a:extLst>
              <a:ext uri="{FF2B5EF4-FFF2-40B4-BE49-F238E27FC236}">
                <a16:creationId xmlns:a16="http://schemas.microsoft.com/office/drawing/2014/main" id="{EC382005-2C89-F247-9CE4-FDB2DDFFABF3}"/>
              </a:ext>
            </a:extLst>
          </p:cNvPr>
          <p:cNvSpPr txBox="1">
            <a:spLocks/>
          </p:cNvSpPr>
          <p:nvPr/>
        </p:nvSpPr>
        <p:spPr>
          <a:xfrm>
            <a:off x="703585" y="7031129"/>
            <a:ext cx="1149178"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3300" b="1" dirty="0">
                <a:solidFill>
                  <a:schemeClr val="bg1"/>
                </a:solidFill>
                <a:latin typeface="Calibri" panose="020F0502020204030204" pitchFamily="34" charset="0"/>
              </a:rPr>
              <a:t>01</a:t>
            </a:r>
          </a:p>
        </p:txBody>
      </p:sp>
      <p:sp>
        <p:nvSpPr>
          <p:cNvPr id="61" name="Text Placeholder 3">
            <a:extLst>
              <a:ext uri="{FF2B5EF4-FFF2-40B4-BE49-F238E27FC236}">
                <a16:creationId xmlns:a16="http://schemas.microsoft.com/office/drawing/2014/main" id="{A5BFBA0B-FCF8-9C4C-A99B-87155A7D5625}"/>
              </a:ext>
            </a:extLst>
          </p:cNvPr>
          <p:cNvSpPr txBox="1">
            <a:spLocks/>
          </p:cNvSpPr>
          <p:nvPr/>
        </p:nvSpPr>
        <p:spPr>
          <a:xfrm>
            <a:off x="525051" y="7411527"/>
            <a:ext cx="1471411" cy="54638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800" b="1" dirty="0">
                <a:solidFill>
                  <a:schemeClr val="bg1"/>
                </a:solidFill>
              </a:rPr>
              <a:t>IDEED JA VÕIMALUSED</a:t>
            </a:r>
          </a:p>
        </p:txBody>
      </p:sp>
      <p:sp>
        <p:nvSpPr>
          <p:cNvPr id="62" name="Text Placeholder 25">
            <a:extLst>
              <a:ext uri="{FF2B5EF4-FFF2-40B4-BE49-F238E27FC236}">
                <a16:creationId xmlns:a16="http://schemas.microsoft.com/office/drawing/2014/main" id="{EFDE2968-A1C9-184C-9791-9961A5888489}"/>
              </a:ext>
            </a:extLst>
          </p:cNvPr>
          <p:cNvSpPr txBox="1">
            <a:spLocks/>
          </p:cNvSpPr>
          <p:nvPr/>
        </p:nvSpPr>
        <p:spPr>
          <a:xfrm>
            <a:off x="5720429" y="7031129"/>
            <a:ext cx="1149178"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3300" b="1" dirty="0">
                <a:solidFill>
                  <a:schemeClr val="bg1"/>
                </a:solidFill>
                <a:latin typeface="Calibri" panose="020F0502020204030204" pitchFamily="34" charset="0"/>
              </a:rPr>
              <a:t>03</a:t>
            </a:r>
          </a:p>
        </p:txBody>
      </p:sp>
      <p:sp>
        <p:nvSpPr>
          <p:cNvPr id="63" name="Text Placeholder 3">
            <a:extLst>
              <a:ext uri="{FF2B5EF4-FFF2-40B4-BE49-F238E27FC236}">
                <a16:creationId xmlns:a16="http://schemas.microsoft.com/office/drawing/2014/main" id="{88DB2BF9-1D03-AD48-A44D-5D3D5673FF7E}"/>
              </a:ext>
            </a:extLst>
          </p:cNvPr>
          <p:cNvSpPr txBox="1">
            <a:spLocks/>
          </p:cNvSpPr>
          <p:nvPr/>
        </p:nvSpPr>
        <p:spPr>
          <a:xfrm>
            <a:off x="5541896" y="7592032"/>
            <a:ext cx="1506244" cy="54638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800" b="1" dirty="0">
                <a:solidFill>
                  <a:schemeClr val="bg1"/>
                </a:solidFill>
              </a:rPr>
              <a:t>TEGEVUSED</a:t>
            </a:r>
          </a:p>
        </p:txBody>
      </p:sp>
      <p:sp>
        <p:nvSpPr>
          <p:cNvPr id="64" name="Text Placeholder 3">
            <a:extLst>
              <a:ext uri="{FF2B5EF4-FFF2-40B4-BE49-F238E27FC236}">
                <a16:creationId xmlns:a16="http://schemas.microsoft.com/office/drawing/2014/main" id="{3BBF3B6C-8C4F-C146-8493-16FE711D2145}"/>
              </a:ext>
            </a:extLst>
          </p:cNvPr>
          <p:cNvSpPr txBox="1">
            <a:spLocks/>
          </p:cNvSpPr>
          <p:nvPr/>
        </p:nvSpPr>
        <p:spPr>
          <a:xfrm>
            <a:off x="1292960" y="527381"/>
            <a:ext cx="5769271" cy="137694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et-EE"/>
              <a:t>Olla teadlik erinevatest EntreCompi ja DigCompi raamistike pädevustest, mida digitaalses kodanikuosaluse projektis osalemine annab.</a:t>
            </a:r>
            <a:endParaRPr lang="en-LB"/>
          </a:p>
          <a:p>
            <a:endParaRPr lang="en-RU" dirty="0"/>
          </a:p>
          <a:p>
            <a:pPr lvl="0"/>
            <a:r>
              <a:rPr lang="et-EE"/>
              <a:t>Teha kindlaks ja mõista, kuidas digitehnoloogiaid saab kodanikuosaluse projektis kasutada, ning mõista potentsiaalset kasu, mida digitehnoloogiad võivad digitaalsele kaasamisprojektile tuua.</a:t>
            </a:r>
            <a:endParaRPr lang="en-US" dirty="0"/>
          </a:p>
          <a:p>
            <a:endParaRPr lang="en-RU" dirty="0"/>
          </a:p>
        </p:txBody>
      </p:sp>
      <p:pic>
        <p:nvPicPr>
          <p:cNvPr id="65" name="Picture 64">
            <a:extLst>
              <a:ext uri="{FF2B5EF4-FFF2-40B4-BE49-F238E27FC236}">
                <a16:creationId xmlns:a16="http://schemas.microsoft.com/office/drawing/2014/main" id="{D3A6B22B-6B99-CC41-B297-579D04865841}"/>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81999" y="463136"/>
            <a:ext cx="952500" cy="495300"/>
          </a:xfrm>
          <a:prstGeom prst="rect">
            <a:avLst/>
          </a:prstGeom>
        </p:spPr>
      </p:pic>
      <p:sp>
        <p:nvSpPr>
          <p:cNvPr id="66" name="Text Placeholder 25">
            <a:extLst>
              <a:ext uri="{FF2B5EF4-FFF2-40B4-BE49-F238E27FC236}">
                <a16:creationId xmlns:a16="http://schemas.microsoft.com/office/drawing/2014/main" id="{E0B9DB60-011C-0342-BD8B-5277801AC0D1}"/>
              </a:ext>
            </a:extLst>
          </p:cNvPr>
          <p:cNvSpPr txBox="1">
            <a:spLocks/>
          </p:cNvSpPr>
          <p:nvPr/>
        </p:nvSpPr>
        <p:spPr>
          <a:xfrm>
            <a:off x="357645" y="492950"/>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3</a:t>
            </a:r>
          </a:p>
        </p:txBody>
      </p:sp>
      <p:pic>
        <p:nvPicPr>
          <p:cNvPr id="67" name="Picture 66">
            <a:extLst>
              <a:ext uri="{FF2B5EF4-FFF2-40B4-BE49-F238E27FC236}">
                <a16:creationId xmlns:a16="http://schemas.microsoft.com/office/drawing/2014/main" id="{D4591625-9288-7A48-A3F5-FBE359AD63A1}"/>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381999" y="1172113"/>
            <a:ext cx="952500" cy="495300"/>
          </a:xfrm>
          <a:prstGeom prst="rect">
            <a:avLst/>
          </a:prstGeom>
        </p:spPr>
      </p:pic>
      <p:sp>
        <p:nvSpPr>
          <p:cNvPr id="68" name="Text Placeholder 25">
            <a:extLst>
              <a:ext uri="{FF2B5EF4-FFF2-40B4-BE49-F238E27FC236}">
                <a16:creationId xmlns:a16="http://schemas.microsoft.com/office/drawing/2014/main" id="{8427056A-2E08-ED43-9933-86C5F94C7A6D}"/>
              </a:ext>
            </a:extLst>
          </p:cNvPr>
          <p:cNvSpPr txBox="1">
            <a:spLocks/>
          </p:cNvSpPr>
          <p:nvPr/>
        </p:nvSpPr>
        <p:spPr>
          <a:xfrm>
            <a:off x="358286" y="1184326"/>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4</a:t>
            </a:r>
          </a:p>
        </p:txBody>
      </p:sp>
      <p:cxnSp>
        <p:nvCxnSpPr>
          <p:cNvPr id="3" name="Straight Connector 2">
            <a:extLst>
              <a:ext uri="{FF2B5EF4-FFF2-40B4-BE49-F238E27FC236}">
                <a16:creationId xmlns:a16="http://schemas.microsoft.com/office/drawing/2014/main" id="{069057DA-F764-225D-D691-C7F2206071AE}"/>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5DFB73CB-C8A7-7DB4-AB5A-11EFC4FB8640}"/>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3842244263"/>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 Placeholder 19">
            <a:extLst>
              <a:ext uri="{FF2B5EF4-FFF2-40B4-BE49-F238E27FC236}">
                <a16:creationId xmlns:a16="http://schemas.microsoft.com/office/drawing/2014/main" id="{F597B036-2824-D44A-A5FF-974BC2083DE5}"/>
              </a:ext>
            </a:extLst>
          </p:cNvPr>
          <p:cNvSpPr>
            <a:spLocks noGrp="1"/>
          </p:cNvSpPr>
          <p:nvPr>
            <p:ph type="body" sz="quarter" idx="15"/>
          </p:nvPr>
        </p:nvSpPr>
        <p:spPr>
          <a:xfrm>
            <a:off x="1044759" y="2961938"/>
            <a:ext cx="511077" cy="505268"/>
          </a:xfrm>
        </p:spPr>
        <p:txBody>
          <a:bodyPr/>
          <a:lstStyle/>
          <a:p>
            <a:endParaRPr lang="en-RU"/>
          </a:p>
        </p:txBody>
      </p:sp>
      <p:sp>
        <p:nvSpPr>
          <p:cNvPr id="19" name="Text Placeholder 18">
            <a:extLst>
              <a:ext uri="{FF2B5EF4-FFF2-40B4-BE49-F238E27FC236}">
                <a16:creationId xmlns:a16="http://schemas.microsoft.com/office/drawing/2014/main" id="{A505B845-A99B-2444-A02A-ECD0A86E9A45}"/>
              </a:ext>
            </a:extLst>
          </p:cNvPr>
          <p:cNvSpPr>
            <a:spLocks noGrp="1"/>
          </p:cNvSpPr>
          <p:nvPr>
            <p:ph type="body" sz="quarter" idx="14"/>
          </p:nvPr>
        </p:nvSpPr>
        <p:spPr>
          <a:xfrm>
            <a:off x="1601242" y="2969360"/>
            <a:ext cx="4718277" cy="505268"/>
          </a:xfrm>
        </p:spPr>
        <p:txBody>
          <a:bodyPr/>
          <a:lstStyle/>
          <a:p>
            <a:r>
              <a:rPr lang="et-EE"/>
              <a:t>Sissejuhatus</a:t>
            </a:r>
            <a:r>
              <a:rPr lang="en-US" dirty="0"/>
              <a:t> </a:t>
            </a:r>
            <a:endParaRPr lang="en-RU" dirty="0"/>
          </a:p>
        </p:txBody>
      </p:sp>
      <p:sp>
        <p:nvSpPr>
          <p:cNvPr id="21" name="Text Placeholder 20">
            <a:extLst>
              <a:ext uri="{FF2B5EF4-FFF2-40B4-BE49-F238E27FC236}">
                <a16:creationId xmlns:a16="http://schemas.microsoft.com/office/drawing/2014/main" id="{4F1BEA01-B9FA-4F48-AAF5-12633E71F3F5}"/>
              </a:ext>
            </a:extLst>
          </p:cNvPr>
          <p:cNvSpPr>
            <a:spLocks noGrp="1"/>
          </p:cNvSpPr>
          <p:nvPr>
            <p:ph type="body" sz="quarter" idx="16"/>
          </p:nvPr>
        </p:nvSpPr>
        <p:spPr/>
        <p:txBody>
          <a:bodyPr/>
          <a:lstStyle/>
          <a:p>
            <a:r>
              <a:rPr lang="en-US"/>
              <a:t>SISUKORD</a:t>
            </a:r>
          </a:p>
        </p:txBody>
      </p:sp>
      <p:sp>
        <p:nvSpPr>
          <p:cNvPr id="22" name="Text Placeholder 21">
            <a:extLst>
              <a:ext uri="{FF2B5EF4-FFF2-40B4-BE49-F238E27FC236}">
                <a16:creationId xmlns:a16="http://schemas.microsoft.com/office/drawing/2014/main" id="{F3293512-D3D7-A846-884A-B9DB8E43AEFB}"/>
              </a:ext>
            </a:extLst>
          </p:cNvPr>
          <p:cNvSpPr>
            <a:spLocks noGrp="1"/>
          </p:cNvSpPr>
          <p:nvPr>
            <p:ph type="body" sz="quarter" idx="17"/>
          </p:nvPr>
        </p:nvSpPr>
        <p:spPr>
          <a:xfrm>
            <a:off x="1060521" y="3680615"/>
            <a:ext cx="511077" cy="505268"/>
          </a:xfrm>
        </p:spPr>
        <p:txBody>
          <a:bodyPr/>
          <a:lstStyle/>
          <a:p>
            <a:endParaRPr lang="en-RU"/>
          </a:p>
        </p:txBody>
      </p:sp>
      <p:sp>
        <p:nvSpPr>
          <p:cNvPr id="23" name="Text Placeholder 22">
            <a:extLst>
              <a:ext uri="{FF2B5EF4-FFF2-40B4-BE49-F238E27FC236}">
                <a16:creationId xmlns:a16="http://schemas.microsoft.com/office/drawing/2014/main" id="{121E2816-AD0C-D342-852A-F83AD188B037}"/>
              </a:ext>
            </a:extLst>
          </p:cNvPr>
          <p:cNvSpPr>
            <a:spLocks noGrp="1"/>
          </p:cNvSpPr>
          <p:nvPr>
            <p:ph type="body" sz="quarter" idx="18"/>
          </p:nvPr>
        </p:nvSpPr>
        <p:spPr>
          <a:xfrm>
            <a:off x="1617004" y="3688037"/>
            <a:ext cx="4718277" cy="505268"/>
          </a:xfrm>
        </p:spPr>
        <p:txBody>
          <a:bodyPr/>
          <a:lstStyle/>
          <a:p>
            <a:pPr lvl="0"/>
            <a:r>
              <a:rPr lang="et-EE"/>
              <a:t>Digitaalse kodanikuosaluse juhendi kasutamine (O1)</a:t>
            </a:r>
            <a:endParaRPr lang="en-LB"/>
          </a:p>
        </p:txBody>
      </p:sp>
      <p:sp>
        <p:nvSpPr>
          <p:cNvPr id="24" name="Text Placeholder 23">
            <a:extLst>
              <a:ext uri="{FF2B5EF4-FFF2-40B4-BE49-F238E27FC236}">
                <a16:creationId xmlns:a16="http://schemas.microsoft.com/office/drawing/2014/main" id="{76C14B03-2C20-F743-89C7-02AA8225EDA0}"/>
              </a:ext>
            </a:extLst>
          </p:cNvPr>
          <p:cNvSpPr>
            <a:spLocks noGrp="1"/>
          </p:cNvSpPr>
          <p:nvPr>
            <p:ph type="body" sz="quarter" idx="19"/>
          </p:nvPr>
        </p:nvSpPr>
        <p:spPr>
          <a:xfrm>
            <a:off x="1060521" y="4391870"/>
            <a:ext cx="511077" cy="505268"/>
          </a:xfrm>
        </p:spPr>
        <p:txBody>
          <a:bodyPr/>
          <a:lstStyle/>
          <a:p>
            <a:endParaRPr lang="en-RU"/>
          </a:p>
        </p:txBody>
      </p:sp>
      <p:sp>
        <p:nvSpPr>
          <p:cNvPr id="25" name="Text Placeholder 24">
            <a:extLst>
              <a:ext uri="{FF2B5EF4-FFF2-40B4-BE49-F238E27FC236}">
                <a16:creationId xmlns:a16="http://schemas.microsoft.com/office/drawing/2014/main" id="{9914C043-B593-1C40-8F70-7CA5F7EF2CFF}"/>
              </a:ext>
            </a:extLst>
          </p:cNvPr>
          <p:cNvSpPr>
            <a:spLocks noGrp="1"/>
          </p:cNvSpPr>
          <p:nvPr>
            <p:ph type="body" sz="quarter" idx="20"/>
          </p:nvPr>
        </p:nvSpPr>
        <p:spPr>
          <a:xfrm>
            <a:off x="1617004" y="4399292"/>
            <a:ext cx="4718277" cy="505268"/>
          </a:xfrm>
        </p:spPr>
        <p:txBody>
          <a:bodyPr/>
          <a:lstStyle/>
          <a:p>
            <a:pPr lvl="0"/>
            <a:r>
              <a:rPr lang="et-EE"/>
              <a:t>Digitaalses kodanikuühiskonnas osalejate töövahendite komplekti kasutamine (IO2)</a:t>
            </a:r>
            <a:endParaRPr lang="en-LB"/>
          </a:p>
        </p:txBody>
      </p:sp>
      <p:sp>
        <p:nvSpPr>
          <p:cNvPr id="26" name="Text Placeholder 25">
            <a:extLst>
              <a:ext uri="{FF2B5EF4-FFF2-40B4-BE49-F238E27FC236}">
                <a16:creationId xmlns:a16="http://schemas.microsoft.com/office/drawing/2014/main" id="{82866C9B-985A-494F-A988-A6436754E821}"/>
              </a:ext>
            </a:extLst>
          </p:cNvPr>
          <p:cNvSpPr>
            <a:spLocks noGrp="1"/>
          </p:cNvSpPr>
          <p:nvPr>
            <p:ph type="body" sz="quarter" idx="21"/>
          </p:nvPr>
        </p:nvSpPr>
        <p:spPr>
          <a:xfrm>
            <a:off x="1076283" y="5110547"/>
            <a:ext cx="511077" cy="505268"/>
          </a:xfrm>
        </p:spPr>
        <p:txBody>
          <a:bodyPr/>
          <a:lstStyle/>
          <a:p>
            <a:endParaRPr lang="en-RU" dirty="0"/>
          </a:p>
        </p:txBody>
      </p:sp>
      <p:sp>
        <p:nvSpPr>
          <p:cNvPr id="27" name="Text Placeholder 26">
            <a:extLst>
              <a:ext uri="{FF2B5EF4-FFF2-40B4-BE49-F238E27FC236}">
                <a16:creationId xmlns:a16="http://schemas.microsoft.com/office/drawing/2014/main" id="{7B971500-C1A3-5840-B18F-E747D4A394B1}"/>
              </a:ext>
            </a:extLst>
          </p:cNvPr>
          <p:cNvSpPr>
            <a:spLocks noGrp="1"/>
          </p:cNvSpPr>
          <p:nvPr>
            <p:ph type="body" sz="quarter" idx="22"/>
          </p:nvPr>
        </p:nvSpPr>
        <p:spPr>
          <a:xfrm>
            <a:off x="1632766" y="5209409"/>
            <a:ext cx="4718277" cy="505268"/>
          </a:xfrm>
        </p:spPr>
        <p:txBody>
          <a:bodyPr/>
          <a:lstStyle/>
          <a:p>
            <a:pPr lvl="0"/>
            <a:r>
              <a:rPr lang="et-EE"/>
              <a:t>Digitaalse kodanikuosaluse avatud õppevara kasutamine (OERs ehk Open Educational Resources) (IO3)</a:t>
            </a:r>
            <a:endParaRPr lang="en-LB"/>
          </a:p>
        </p:txBody>
      </p:sp>
      <p:sp>
        <p:nvSpPr>
          <p:cNvPr id="29" name="Text Placeholder 28">
            <a:extLst>
              <a:ext uri="{FF2B5EF4-FFF2-40B4-BE49-F238E27FC236}">
                <a16:creationId xmlns:a16="http://schemas.microsoft.com/office/drawing/2014/main" id="{30413C82-93A4-E249-885D-5D2EBB1669A4}"/>
              </a:ext>
            </a:extLst>
          </p:cNvPr>
          <p:cNvSpPr>
            <a:spLocks noGrp="1"/>
          </p:cNvSpPr>
          <p:nvPr>
            <p:ph type="body" sz="quarter" idx="24"/>
          </p:nvPr>
        </p:nvSpPr>
        <p:spPr>
          <a:xfrm>
            <a:off x="2095223" y="6870833"/>
            <a:ext cx="4718277" cy="505268"/>
          </a:xfrm>
        </p:spPr>
        <p:txBody>
          <a:bodyPr/>
          <a:lstStyle/>
          <a:p>
            <a:pPr>
              <a:buClr>
                <a:srgbClr val="7FCCC7"/>
              </a:buClr>
            </a:pPr>
            <a:r>
              <a:rPr lang="en-GB" dirty="0"/>
              <a:t>Avatud õppevara kasutamine</a:t>
            </a:r>
          </a:p>
          <a:p>
            <a:pPr>
              <a:buClr>
                <a:srgbClr val="7FCCC7"/>
              </a:buClr>
            </a:pPr>
            <a:r>
              <a:rPr lang="en-GB" dirty="0"/>
              <a:t>Avatud õppevara moodulid</a:t>
            </a:r>
          </a:p>
          <a:p>
            <a:pPr>
              <a:buClr>
                <a:srgbClr val="7FCCC7"/>
              </a:buClr>
            </a:pPr>
            <a:r>
              <a:rPr lang="en-GB" dirty="0"/>
              <a:t>Avatud õppevara õpiväljundid</a:t>
            </a:r>
          </a:p>
          <a:p>
            <a:pPr>
              <a:buClr>
                <a:srgbClr val="7FCCC7"/>
              </a:buClr>
            </a:pPr>
            <a:r>
              <a:rPr lang="en-GB" dirty="0"/>
              <a:t>Õpiväljundid ja pädevused</a:t>
            </a:r>
          </a:p>
          <a:p>
            <a:pPr>
              <a:buClr>
                <a:srgbClr val="7FCCC7"/>
              </a:buClr>
            </a:pPr>
            <a:r>
              <a:rPr lang="en-GB" dirty="0"/>
              <a:t>Avatud õppevara pedagoogiline kasutamine</a:t>
            </a:r>
          </a:p>
          <a:p>
            <a:endParaRPr lang="en-RU" dirty="0"/>
          </a:p>
        </p:txBody>
      </p:sp>
      <p:sp>
        <p:nvSpPr>
          <p:cNvPr id="34" name="Text Placeholder 33">
            <a:extLst>
              <a:ext uri="{FF2B5EF4-FFF2-40B4-BE49-F238E27FC236}">
                <a16:creationId xmlns:a16="http://schemas.microsoft.com/office/drawing/2014/main" id="{35CEEC67-FC9D-CC42-A484-DEB12354070E}"/>
              </a:ext>
            </a:extLst>
          </p:cNvPr>
          <p:cNvSpPr>
            <a:spLocks noGrp="1"/>
          </p:cNvSpPr>
          <p:nvPr>
            <p:ph type="body" sz="quarter" idx="29"/>
          </p:nvPr>
        </p:nvSpPr>
        <p:spPr>
          <a:xfrm>
            <a:off x="1107811" y="8012960"/>
            <a:ext cx="511077" cy="505268"/>
          </a:xfrm>
        </p:spPr>
        <p:txBody>
          <a:bodyPr/>
          <a:lstStyle/>
          <a:p>
            <a:r>
              <a:rPr lang="en-RU" dirty="0"/>
              <a:t>05</a:t>
            </a:r>
          </a:p>
        </p:txBody>
      </p:sp>
      <p:sp>
        <p:nvSpPr>
          <p:cNvPr id="35" name="Text Placeholder 34">
            <a:extLst>
              <a:ext uri="{FF2B5EF4-FFF2-40B4-BE49-F238E27FC236}">
                <a16:creationId xmlns:a16="http://schemas.microsoft.com/office/drawing/2014/main" id="{1A426D43-28B7-BD4F-9D83-7440E0ACD3D4}"/>
              </a:ext>
            </a:extLst>
          </p:cNvPr>
          <p:cNvSpPr>
            <a:spLocks noGrp="1"/>
          </p:cNvSpPr>
          <p:nvPr>
            <p:ph type="body" sz="quarter" idx="30"/>
          </p:nvPr>
        </p:nvSpPr>
        <p:spPr>
          <a:xfrm>
            <a:off x="1664294" y="8020382"/>
            <a:ext cx="4718277" cy="505268"/>
          </a:xfrm>
        </p:spPr>
        <p:txBody>
          <a:bodyPr/>
          <a:lstStyle/>
          <a:p>
            <a:pPr lvl="0"/>
            <a:r>
              <a:rPr lang="et-EE"/>
              <a:t>Kasulikud lingid</a:t>
            </a:r>
            <a:endParaRPr lang="en-LB"/>
          </a:p>
        </p:txBody>
      </p:sp>
      <p:sp>
        <p:nvSpPr>
          <p:cNvPr id="36" name="Text Placeholder 35">
            <a:extLst>
              <a:ext uri="{FF2B5EF4-FFF2-40B4-BE49-F238E27FC236}">
                <a16:creationId xmlns:a16="http://schemas.microsoft.com/office/drawing/2014/main" id="{3FB01743-CEC9-6B4A-8420-EB5638F4E468}"/>
              </a:ext>
            </a:extLst>
          </p:cNvPr>
          <p:cNvSpPr>
            <a:spLocks noGrp="1"/>
          </p:cNvSpPr>
          <p:nvPr>
            <p:ph type="body" sz="quarter" idx="32"/>
          </p:nvPr>
        </p:nvSpPr>
        <p:spPr/>
        <p:txBody>
          <a:bodyPr/>
          <a:lstStyle/>
          <a:p>
            <a:endParaRPr lang="en-RU"/>
          </a:p>
        </p:txBody>
      </p:sp>
      <p:cxnSp>
        <p:nvCxnSpPr>
          <p:cNvPr id="53" name="Straight Connector 52">
            <a:extLst>
              <a:ext uri="{FF2B5EF4-FFF2-40B4-BE49-F238E27FC236}">
                <a16:creationId xmlns:a16="http://schemas.microsoft.com/office/drawing/2014/main" id="{002683FA-E1CD-C944-9FF3-7C3702FFCF51}"/>
              </a:ext>
            </a:extLst>
          </p:cNvPr>
          <p:cNvCxnSpPr>
            <a:cxnSpLocks/>
          </p:cNvCxnSpPr>
          <p:nvPr/>
        </p:nvCxnSpPr>
        <p:spPr>
          <a:xfrm flipV="1">
            <a:off x="596348" y="2961938"/>
            <a:ext cx="0" cy="5148039"/>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55" name="Text Placeholder 31">
            <a:extLst>
              <a:ext uri="{FF2B5EF4-FFF2-40B4-BE49-F238E27FC236}">
                <a16:creationId xmlns:a16="http://schemas.microsoft.com/office/drawing/2014/main" id="{14AD515D-01FB-4643-9D1F-A9BDA1CF5589}"/>
              </a:ext>
            </a:extLst>
          </p:cNvPr>
          <p:cNvSpPr txBox="1">
            <a:spLocks/>
          </p:cNvSpPr>
          <p:nvPr/>
        </p:nvSpPr>
        <p:spPr>
          <a:xfrm>
            <a:off x="3082496" y="3039024"/>
            <a:ext cx="707895" cy="420994"/>
          </a:xfrm>
          <a:prstGeom prst="rect">
            <a:avLst/>
          </a:prstGeom>
        </p:spPr>
        <p:txBody>
          <a:bodyPr vert="horz" lIns="91440" tIns="45720" rIns="91440" bIns="45720" rtlCol="0" anchor="t">
            <a:noAutofit/>
          </a:bodyPr>
          <a:lstStyle>
            <a:lvl1pPr marL="0" indent="0" algn="l" defTabSz="2072941" rtl="0" eaLnBrk="1" latinLnBrk="0" hangingPunct="1">
              <a:lnSpc>
                <a:spcPts val="2200"/>
              </a:lnSpc>
              <a:spcBef>
                <a:spcPts val="0"/>
              </a:spcBef>
              <a:buFont typeface="Arial" panose="020B0604020202020204" pitchFamily="34" charset="0"/>
              <a:buNone/>
              <a:defRPr sz="2000" b="1" i="0" kern="1200" baseline="0">
                <a:solidFill>
                  <a:srgbClr val="011E3B"/>
                </a:solidFill>
                <a:latin typeface="Poppins" pitchFamily="2" charset="77"/>
                <a:ea typeface="+mn-ea"/>
                <a:cs typeface="Poppins" pitchFamily="2" charset="77"/>
              </a:defRPr>
            </a:lvl1pPr>
            <a:lvl2pPr marL="1554707" indent="-518236" algn="l" defTabSz="2072941" rtl="0" eaLnBrk="1" latinLnBrk="0" hangingPunct="1">
              <a:lnSpc>
                <a:spcPct val="100000"/>
              </a:lnSpc>
              <a:spcBef>
                <a:spcPts val="1133"/>
              </a:spcBef>
              <a:buFont typeface="Arial" panose="020B0604020202020204" pitchFamily="34" charset="0"/>
              <a:buChar char="•"/>
              <a:defRPr sz="5442" kern="1200">
                <a:solidFill>
                  <a:srgbClr val="011E3B"/>
                </a:solidFill>
                <a:latin typeface="Poppins" pitchFamily="2" charset="77"/>
                <a:ea typeface="+mn-ea"/>
                <a:cs typeface="Poppins" pitchFamily="2" charset="77"/>
              </a:defRPr>
            </a:lvl2pPr>
            <a:lvl3pPr marL="2591176" indent="-518236" algn="l" defTabSz="2072941" rtl="0" eaLnBrk="1" latinLnBrk="0" hangingPunct="1">
              <a:lnSpc>
                <a:spcPct val="100000"/>
              </a:lnSpc>
              <a:spcBef>
                <a:spcPts val="1133"/>
              </a:spcBef>
              <a:buFont typeface="Arial" panose="020B0604020202020204" pitchFamily="34" charset="0"/>
              <a:buChar char="•"/>
              <a:defRPr sz="4533" kern="1200">
                <a:solidFill>
                  <a:srgbClr val="011E3B"/>
                </a:solidFill>
                <a:latin typeface="Poppins" pitchFamily="2" charset="77"/>
                <a:ea typeface="+mn-ea"/>
                <a:cs typeface="Poppins" pitchFamily="2" charset="77"/>
              </a:defRPr>
            </a:lvl3pPr>
            <a:lvl4pPr marL="3627646"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4pPr>
            <a:lvl5pPr marL="4664118"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5pPr>
            <a:lvl6pPr marL="570058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6pPr>
            <a:lvl7pPr marL="6737059"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7pPr>
            <a:lvl8pPr marL="777352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8pPr>
            <a:lvl9pPr marL="8810001"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9pPr>
          </a:lstStyle>
          <a:p>
            <a:pPr algn="r"/>
            <a:r>
              <a:rPr lang="en-US" sz="1300" b="0" dirty="0">
                <a:solidFill>
                  <a:srgbClr val="F26B4D"/>
                </a:solidFill>
                <a:latin typeface="Calibri" panose="020F0502020204030204" pitchFamily="34" charset="0"/>
                <a:cs typeface="Calibri" panose="020F0502020204030204" pitchFamily="34" charset="0"/>
              </a:rPr>
              <a:t>Page 3</a:t>
            </a:r>
          </a:p>
          <a:p>
            <a:pPr algn="r"/>
            <a:endParaRPr lang="en-US" sz="1300" b="0" dirty="0">
              <a:solidFill>
                <a:srgbClr val="F26B4D"/>
              </a:solidFill>
              <a:latin typeface="Calibri" panose="020F0502020204030204" pitchFamily="34" charset="0"/>
              <a:cs typeface="Calibri" panose="020F0502020204030204" pitchFamily="34" charset="0"/>
            </a:endParaRPr>
          </a:p>
        </p:txBody>
      </p:sp>
      <p:sp>
        <p:nvSpPr>
          <p:cNvPr id="56" name="Freeform 55">
            <a:extLst>
              <a:ext uri="{FF2B5EF4-FFF2-40B4-BE49-F238E27FC236}">
                <a16:creationId xmlns:a16="http://schemas.microsoft.com/office/drawing/2014/main" id="{41C41AB6-C30F-B747-87E9-F61C4139F91E}"/>
              </a:ext>
            </a:extLst>
          </p:cNvPr>
          <p:cNvSpPr/>
          <p:nvPr/>
        </p:nvSpPr>
        <p:spPr>
          <a:xfrm>
            <a:off x="3043842" y="3143330"/>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57" name="Text Placeholder 31">
            <a:extLst>
              <a:ext uri="{FF2B5EF4-FFF2-40B4-BE49-F238E27FC236}">
                <a16:creationId xmlns:a16="http://schemas.microsoft.com/office/drawing/2014/main" id="{83D610B2-DB98-6445-BF42-CBD5176758E9}"/>
              </a:ext>
            </a:extLst>
          </p:cNvPr>
          <p:cNvSpPr txBox="1">
            <a:spLocks/>
          </p:cNvSpPr>
          <p:nvPr/>
        </p:nvSpPr>
        <p:spPr>
          <a:xfrm>
            <a:off x="3567023" y="3887636"/>
            <a:ext cx="707895" cy="420994"/>
          </a:xfrm>
          <a:prstGeom prst="rect">
            <a:avLst/>
          </a:prstGeom>
        </p:spPr>
        <p:txBody>
          <a:bodyPr vert="horz" lIns="91440" tIns="45720" rIns="91440" bIns="45720" rtlCol="0" anchor="t">
            <a:noAutofit/>
          </a:bodyPr>
          <a:lstStyle>
            <a:lvl1pPr marL="0" indent="0" algn="l" defTabSz="2072941" rtl="0" eaLnBrk="1" latinLnBrk="0" hangingPunct="1">
              <a:lnSpc>
                <a:spcPts val="2200"/>
              </a:lnSpc>
              <a:spcBef>
                <a:spcPts val="0"/>
              </a:spcBef>
              <a:buFont typeface="Arial" panose="020B0604020202020204" pitchFamily="34" charset="0"/>
              <a:buNone/>
              <a:defRPr sz="2000" b="1" i="0" kern="1200" baseline="0">
                <a:solidFill>
                  <a:srgbClr val="011E3B"/>
                </a:solidFill>
                <a:latin typeface="Poppins" pitchFamily="2" charset="77"/>
                <a:ea typeface="+mn-ea"/>
                <a:cs typeface="Poppins" pitchFamily="2" charset="77"/>
              </a:defRPr>
            </a:lvl1pPr>
            <a:lvl2pPr marL="1554707" indent="-518236" algn="l" defTabSz="2072941" rtl="0" eaLnBrk="1" latinLnBrk="0" hangingPunct="1">
              <a:lnSpc>
                <a:spcPct val="100000"/>
              </a:lnSpc>
              <a:spcBef>
                <a:spcPts val="1133"/>
              </a:spcBef>
              <a:buFont typeface="Arial" panose="020B0604020202020204" pitchFamily="34" charset="0"/>
              <a:buChar char="•"/>
              <a:defRPr sz="5442" kern="1200">
                <a:solidFill>
                  <a:srgbClr val="011E3B"/>
                </a:solidFill>
                <a:latin typeface="Poppins" pitchFamily="2" charset="77"/>
                <a:ea typeface="+mn-ea"/>
                <a:cs typeface="Poppins" pitchFamily="2" charset="77"/>
              </a:defRPr>
            </a:lvl2pPr>
            <a:lvl3pPr marL="2591176" indent="-518236" algn="l" defTabSz="2072941" rtl="0" eaLnBrk="1" latinLnBrk="0" hangingPunct="1">
              <a:lnSpc>
                <a:spcPct val="100000"/>
              </a:lnSpc>
              <a:spcBef>
                <a:spcPts val="1133"/>
              </a:spcBef>
              <a:buFont typeface="Arial" panose="020B0604020202020204" pitchFamily="34" charset="0"/>
              <a:buChar char="•"/>
              <a:defRPr sz="4533" kern="1200">
                <a:solidFill>
                  <a:srgbClr val="011E3B"/>
                </a:solidFill>
                <a:latin typeface="Poppins" pitchFamily="2" charset="77"/>
                <a:ea typeface="+mn-ea"/>
                <a:cs typeface="Poppins" pitchFamily="2" charset="77"/>
              </a:defRPr>
            </a:lvl3pPr>
            <a:lvl4pPr marL="3627646"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4pPr>
            <a:lvl5pPr marL="4664118"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5pPr>
            <a:lvl6pPr marL="570058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6pPr>
            <a:lvl7pPr marL="6737059"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7pPr>
            <a:lvl8pPr marL="777352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8pPr>
            <a:lvl9pPr marL="8810001"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9pPr>
          </a:lstStyle>
          <a:p>
            <a:pPr algn="r"/>
            <a:r>
              <a:rPr lang="en-US" sz="1300" b="0" dirty="0">
                <a:solidFill>
                  <a:srgbClr val="F26B4D"/>
                </a:solidFill>
                <a:latin typeface="Calibri" panose="020F0502020204030204" pitchFamily="34" charset="0"/>
                <a:cs typeface="Calibri" panose="020F0502020204030204" pitchFamily="34" charset="0"/>
              </a:rPr>
              <a:t>Page 6</a:t>
            </a:r>
          </a:p>
          <a:p>
            <a:pPr algn="r"/>
            <a:endParaRPr lang="en-US" sz="1300" b="0" dirty="0">
              <a:solidFill>
                <a:srgbClr val="F26B4D"/>
              </a:solidFill>
              <a:latin typeface="Calibri" panose="020F0502020204030204" pitchFamily="34" charset="0"/>
              <a:cs typeface="Calibri" panose="020F0502020204030204" pitchFamily="34" charset="0"/>
            </a:endParaRPr>
          </a:p>
        </p:txBody>
      </p:sp>
      <p:sp>
        <p:nvSpPr>
          <p:cNvPr id="58" name="Freeform 57">
            <a:extLst>
              <a:ext uri="{FF2B5EF4-FFF2-40B4-BE49-F238E27FC236}">
                <a16:creationId xmlns:a16="http://schemas.microsoft.com/office/drawing/2014/main" id="{39D67863-8C1B-AB4B-99B7-2CDBAE476473}"/>
              </a:ext>
            </a:extLst>
          </p:cNvPr>
          <p:cNvSpPr/>
          <p:nvPr/>
        </p:nvSpPr>
        <p:spPr>
          <a:xfrm>
            <a:off x="3528369" y="3991942"/>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59" name="Text Placeholder 31">
            <a:extLst>
              <a:ext uri="{FF2B5EF4-FFF2-40B4-BE49-F238E27FC236}">
                <a16:creationId xmlns:a16="http://schemas.microsoft.com/office/drawing/2014/main" id="{91412835-77A5-EB4E-8570-D818C7BB76B4}"/>
              </a:ext>
            </a:extLst>
          </p:cNvPr>
          <p:cNvSpPr txBox="1">
            <a:spLocks/>
          </p:cNvSpPr>
          <p:nvPr/>
        </p:nvSpPr>
        <p:spPr>
          <a:xfrm>
            <a:off x="6093783" y="4609531"/>
            <a:ext cx="707895" cy="420994"/>
          </a:xfrm>
          <a:prstGeom prst="rect">
            <a:avLst/>
          </a:prstGeom>
        </p:spPr>
        <p:txBody>
          <a:bodyPr vert="horz" lIns="91440" tIns="45720" rIns="91440" bIns="45720" rtlCol="0" anchor="t">
            <a:noAutofit/>
          </a:bodyPr>
          <a:lstStyle>
            <a:lvl1pPr marL="0" indent="0" algn="l" defTabSz="2072941" rtl="0" eaLnBrk="1" latinLnBrk="0" hangingPunct="1">
              <a:lnSpc>
                <a:spcPts val="2200"/>
              </a:lnSpc>
              <a:spcBef>
                <a:spcPts val="0"/>
              </a:spcBef>
              <a:buFont typeface="Arial" panose="020B0604020202020204" pitchFamily="34" charset="0"/>
              <a:buNone/>
              <a:defRPr sz="2000" b="1" i="0" kern="1200" baseline="0">
                <a:solidFill>
                  <a:srgbClr val="011E3B"/>
                </a:solidFill>
                <a:latin typeface="Poppins" pitchFamily="2" charset="77"/>
                <a:ea typeface="+mn-ea"/>
                <a:cs typeface="Poppins" pitchFamily="2" charset="77"/>
              </a:defRPr>
            </a:lvl1pPr>
            <a:lvl2pPr marL="1554707" indent="-518236" algn="l" defTabSz="2072941" rtl="0" eaLnBrk="1" latinLnBrk="0" hangingPunct="1">
              <a:lnSpc>
                <a:spcPct val="100000"/>
              </a:lnSpc>
              <a:spcBef>
                <a:spcPts val="1133"/>
              </a:spcBef>
              <a:buFont typeface="Arial" panose="020B0604020202020204" pitchFamily="34" charset="0"/>
              <a:buChar char="•"/>
              <a:defRPr sz="5442" kern="1200">
                <a:solidFill>
                  <a:srgbClr val="011E3B"/>
                </a:solidFill>
                <a:latin typeface="Poppins" pitchFamily="2" charset="77"/>
                <a:ea typeface="+mn-ea"/>
                <a:cs typeface="Poppins" pitchFamily="2" charset="77"/>
              </a:defRPr>
            </a:lvl2pPr>
            <a:lvl3pPr marL="2591176" indent="-518236" algn="l" defTabSz="2072941" rtl="0" eaLnBrk="1" latinLnBrk="0" hangingPunct="1">
              <a:lnSpc>
                <a:spcPct val="100000"/>
              </a:lnSpc>
              <a:spcBef>
                <a:spcPts val="1133"/>
              </a:spcBef>
              <a:buFont typeface="Arial" panose="020B0604020202020204" pitchFamily="34" charset="0"/>
              <a:buChar char="•"/>
              <a:defRPr sz="4533" kern="1200">
                <a:solidFill>
                  <a:srgbClr val="011E3B"/>
                </a:solidFill>
                <a:latin typeface="Poppins" pitchFamily="2" charset="77"/>
                <a:ea typeface="+mn-ea"/>
                <a:cs typeface="Poppins" pitchFamily="2" charset="77"/>
              </a:defRPr>
            </a:lvl3pPr>
            <a:lvl4pPr marL="3627646"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4pPr>
            <a:lvl5pPr marL="4664118"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5pPr>
            <a:lvl6pPr marL="570058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6pPr>
            <a:lvl7pPr marL="6737059"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7pPr>
            <a:lvl8pPr marL="777352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8pPr>
            <a:lvl9pPr marL="8810001"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9pPr>
          </a:lstStyle>
          <a:p>
            <a:pPr algn="r"/>
            <a:r>
              <a:rPr lang="en-US" sz="1300" b="0" dirty="0">
                <a:solidFill>
                  <a:srgbClr val="F26B4D"/>
                </a:solidFill>
                <a:latin typeface="Calibri" panose="020F0502020204030204" pitchFamily="34" charset="0"/>
                <a:cs typeface="Calibri" panose="020F0502020204030204" pitchFamily="34" charset="0"/>
              </a:rPr>
              <a:t>Page 8</a:t>
            </a:r>
          </a:p>
          <a:p>
            <a:pPr algn="r"/>
            <a:endParaRPr lang="en-US" sz="1300" b="0" dirty="0">
              <a:solidFill>
                <a:srgbClr val="F26B4D"/>
              </a:solidFill>
              <a:latin typeface="Calibri" panose="020F0502020204030204" pitchFamily="34" charset="0"/>
              <a:cs typeface="Calibri" panose="020F0502020204030204" pitchFamily="34" charset="0"/>
            </a:endParaRPr>
          </a:p>
        </p:txBody>
      </p:sp>
      <p:sp>
        <p:nvSpPr>
          <p:cNvPr id="60" name="Freeform 59">
            <a:extLst>
              <a:ext uri="{FF2B5EF4-FFF2-40B4-BE49-F238E27FC236}">
                <a16:creationId xmlns:a16="http://schemas.microsoft.com/office/drawing/2014/main" id="{8EBD27CB-83F5-5D4D-8EE6-FABC2E16B300}"/>
              </a:ext>
            </a:extLst>
          </p:cNvPr>
          <p:cNvSpPr/>
          <p:nvPr/>
        </p:nvSpPr>
        <p:spPr>
          <a:xfrm>
            <a:off x="6055129" y="4713837"/>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61" name="Text Placeholder 31">
            <a:extLst>
              <a:ext uri="{FF2B5EF4-FFF2-40B4-BE49-F238E27FC236}">
                <a16:creationId xmlns:a16="http://schemas.microsoft.com/office/drawing/2014/main" id="{F7F01211-537A-2741-B486-F5A63289E6FB}"/>
              </a:ext>
            </a:extLst>
          </p:cNvPr>
          <p:cNvSpPr txBox="1">
            <a:spLocks/>
          </p:cNvSpPr>
          <p:nvPr/>
        </p:nvSpPr>
        <p:spPr>
          <a:xfrm>
            <a:off x="4814293" y="5535229"/>
            <a:ext cx="818147" cy="420994"/>
          </a:xfrm>
          <a:prstGeom prst="rect">
            <a:avLst/>
          </a:prstGeom>
        </p:spPr>
        <p:txBody>
          <a:bodyPr vert="horz" lIns="91440" tIns="45720" rIns="91440" bIns="45720" rtlCol="0" anchor="t">
            <a:noAutofit/>
          </a:bodyPr>
          <a:lstStyle>
            <a:lvl1pPr marL="0" indent="0" algn="l" defTabSz="2072941" rtl="0" eaLnBrk="1" latinLnBrk="0" hangingPunct="1">
              <a:lnSpc>
                <a:spcPts val="2200"/>
              </a:lnSpc>
              <a:spcBef>
                <a:spcPts val="0"/>
              </a:spcBef>
              <a:buFont typeface="Arial" panose="020B0604020202020204" pitchFamily="34" charset="0"/>
              <a:buNone/>
              <a:defRPr sz="2000" b="1" i="0" kern="1200" baseline="0">
                <a:solidFill>
                  <a:srgbClr val="011E3B"/>
                </a:solidFill>
                <a:latin typeface="Poppins" pitchFamily="2" charset="77"/>
                <a:ea typeface="+mn-ea"/>
                <a:cs typeface="Poppins" pitchFamily="2" charset="77"/>
              </a:defRPr>
            </a:lvl1pPr>
            <a:lvl2pPr marL="1554707" indent="-518236" algn="l" defTabSz="2072941" rtl="0" eaLnBrk="1" latinLnBrk="0" hangingPunct="1">
              <a:lnSpc>
                <a:spcPct val="100000"/>
              </a:lnSpc>
              <a:spcBef>
                <a:spcPts val="1133"/>
              </a:spcBef>
              <a:buFont typeface="Arial" panose="020B0604020202020204" pitchFamily="34" charset="0"/>
              <a:buChar char="•"/>
              <a:defRPr sz="5442" kern="1200">
                <a:solidFill>
                  <a:srgbClr val="011E3B"/>
                </a:solidFill>
                <a:latin typeface="Poppins" pitchFamily="2" charset="77"/>
                <a:ea typeface="+mn-ea"/>
                <a:cs typeface="Poppins" pitchFamily="2" charset="77"/>
              </a:defRPr>
            </a:lvl2pPr>
            <a:lvl3pPr marL="2591176" indent="-518236" algn="l" defTabSz="2072941" rtl="0" eaLnBrk="1" latinLnBrk="0" hangingPunct="1">
              <a:lnSpc>
                <a:spcPct val="100000"/>
              </a:lnSpc>
              <a:spcBef>
                <a:spcPts val="1133"/>
              </a:spcBef>
              <a:buFont typeface="Arial" panose="020B0604020202020204" pitchFamily="34" charset="0"/>
              <a:buChar char="•"/>
              <a:defRPr sz="4533" kern="1200">
                <a:solidFill>
                  <a:srgbClr val="011E3B"/>
                </a:solidFill>
                <a:latin typeface="Poppins" pitchFamily="2" charset="77"/>
                <a:ea typeface="+mn-ea"/>
                <a:cs typeface="Poppins" pitchFamily="2" charset="77"/>
              </a:defRPr>
            </a:lvl3pPr>
            <a:lvl4pPr marL="3627646"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4pPr>
            <a:lvl5pPr marL="4664118"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5pPr>
            <a:lvl6pPr marL="570058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6pPr>
            <a:lvl7pPr marL="6737059"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7pPr>
            <a:lvl8pPr marL="777352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8pPr>
            <a:lvl9pPr marL="8810001"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9pPr>
          </a:lstStyle>
          <a:p>
            <a:pPr algn="r"/>
            <a:r>
              <a:rPr lang="en-US" sz="1300" b="0" dirty="0">
                <a:solidFill>
                  <a:srgbClr val="F26B4D"/>
                </a:solidFill>
                <a:latin typeface="Calibri" panose="020F0502020204030204" pitchFamily="34" charset="0"/>
                <a:cs typeface="Calibri" panose="020F0502020204030204" pitchFamily="34" charset="0"/>
              </a:rPr>
              <a:t>Page 10</a:t>
            </a:r>
          </a:p>
          <a:p>
            <a:pPr algn="r"/>
            <a:endParaRPr lang="en-US" sz="1300" b="0" dirty="0">
              <a:solidFill>
                <a:srgbClr val="F26B4D"/>
              </a:solidFill>
              <a:latin typeface="Calibri" panose="020F0502020204030204" pitchFamily="34" charset="0"/>
              <a:cs typeface="Calibri" panose="020F0502020204030204" pitchFamily="34" charset="0"/>
            </a:endParaRPr>
          </a:p>
        </p:txBody>
      </p:sp>
      <p:sp>
        <p:nvSpPr>
          <p:cNvPr id="62" name="Freeform 61">
            <a:extLst>
              <a:ext uri="{FF2B5EF4-FFF2-40B4-BE49-F238E27FC236}">
                <a16:creationId xmlns:a16="http://schemas.microsoft.com/office/drawing/2014/main" id="{4E2DAFF9-3C5B-3C4B-8F42-B16BABC8DE48}"/>
              </a:ext>
            </a:extLst>
          </p:cNvPr>
          <p:cNvSpPr/>
          <p:nvPr/>
        </p:nvSpPr>
        <p:spPr>
          <a:xfrm>
            <a:off x="4775639" y="5639535"/>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63" name="Text Placeholder 31">
            <a:extLst>
              <a:ext uri="{FF2B5EF4-FFF2-40B4-BE49-F238E27FC236}">
                <a16:creationId xmlns:a16="http://schemas.microsoft.com/office/drawing/2014/main" id="{FB629EA0-D3FD-1144-A609-BCB60AD7EA47}"/>
              </a:ext>
            </a:extLst>
          </p:cNvPr>
          <p:cNvSpPr txBox="1">
            <a:spLocks/>
          </p:cNvSpPr>
          <p:nvPr/>
        </p:nvSpPr>
        <p:spPr>
          <a:xfrm>
            <a:off x="3482933" y="8083598"/>
            <a:ext cx="817680" cy="420994"/>
          </a:xfrm>
          <a:prstGeom prst="rect">
            <a:avLst/>
          </a:prstGeom>
        </p:spPr>
        <p:txBody>
          <a:bodyPr vert="horz" lIns="91440" tIns="45720" rIns="91440" bIns="45720" rtlCol="0" anchor="t">
            <a:noAutofit/>
          </a:bodyPr>
          <a:lstStyle>
            <a:lvl1pPr marL="0" indent="0" algn="l" defTabSz="2072941" rtl="0" eaLnBrk="1" latinLnBrk="0" hangingPunct="1">
              <a:lnSpc>
                <a:spcPts val="2200"/>
              </a:lnSpc>
              <a:spcBef>
                <a:spcPts val="0"/>
              </a:spcBef>
              <a:buFont typeface="Arial" panose="020B0604020202020204" pitchFamily="34" charset="0"/>
              <a:buNone/>
              <a:defRPr sz="2000" b="1" i="0" kern="1200" baseline="0">
                <a:solidFill>
                  <a:srgbClr val="011E3B"/>
                </a:solidFill>
                <a:latin typeface="Poppins" pitchFamily="2" charset="77"/>
                <a:ea typeface="+mn-ea"/>
                <a:cs typeface="Poppins" pitchFamily="2" charset="77"/>
              </a:defRPr>
            </a:lvl1pPr>
            <a:lvl2pPr marL="1554707" indent="-518236" algn="l" defTabSz="2072941" rtl="0" eaLnBrk="1" latinLnBrk="0" hangingPunct="1">
              <a:lnSpc>
                <a:spcPct val="100000"/>
              </a:lnSpc>
              <a:spcBef>
                <a:spcPts val="1133"/>
              </a:spcBef>
              <a:buFont typeface="Arial" panose="020B0604020202020204" pitchFamily="34" charset="0"/>
              <a:buChar char="•"/>
              <a:defRPr sz="5442" kern="1200">
                <a:solidFill>
                  <a:srgbClr val="011E3B"/>
                </a:solidFill>
                <a:latin typeface="Poppins" pitchFamily="2" charset="77"/>
                <a:ea typeface="+mn-ea"/>
                <a:cs typeface="Poppins" pitchFamily="2" charset="77"/>
              </a:defRPr>
            </a:lvl2pPr>
            <a:lvl3pPr marL="2591176" indent="-518236" algn="l" defTabSz="2072941" rtl="0" eaLnBrk="1" latinLnBrk="0" hangingPunct="1">
              <a:lnSpc>
                <a:spcPct val="100000"/>
              </a:lnSpc>
              <a:spcBef>
                <a:spcPts val="1133"/>
              </a:spcBef>
              <a:buFont typeface="Arial" panose="020B0604020202020204" pitchFamily="34" charset="0"/>
              <a:buChar char="•"/>
              <a:defRPr sz="4533" kern="1200">
                <a:solidFill>
                  <a:srgbClr val="011E3B"/>
                </a:solidFill>
                <a:latin typeface="Poppins" pitchFamily="2" charset="77"/>
                <a:ea typeface="+mn-ea"/>
                <a:cs typeface="Poppins" pitchFamily="2" charset="77"/>
              </a:defRPr>
            </a:lvl3pPr>
            <a:lvl4pPr marL="3627646"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4pPr>
            <a:lvl5pPr marL="4664118"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5pPr>
            <a:lvl6pPr marL="570058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6pPr>
            <a:lvl7pPr marL="6737059"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7pPr>
            <a:lvl8pPr marL="777352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8pPr>
            <a:lvl9pPr marL="8810001"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9pPr>
          </a:lstStyle>
          <a:p>
            <a:pPr algn="r"/>
            <a:r>
              <a:rPr lang="en-US" sz="1300" b="0" dirty="0">
                <a:solidFill>
                  <a:srgbClr val="F26B4D"/>
                </a:solidFill>
                <a:latin typeface="Calibri" panose="020F0502020204030204" pitchFamily="34" charset="0"/>
                <a:cs typeface="Calibri" panose="020F0502020204030204" pitchFamily="34" charset="0"/>
              </a:rPr>
              <a:t>Page 27</a:t>
            </a:r>
          </a:p>
          <a:p>
            <a:pPr algn="r"/>
            <a:endParaRPr lang="en-US" sz="1300" b="0" dirty="0">
              <a:solidFill>
                <a:srgbClr val="F26B4D"/>
              </a:solidFill>
              <a:latin typeface="Calibri" panose="020F0502020204030204" pitchFamily="34" charset="0"/>
              <a:cs typeface="Calibri" panose="020F0502020204030204" pitchFamily="34" charset="0"/>
            </a:endParaRPr>
          </a:p>
        </p:txBody>
      </p:sp>
      <p:sp>
        <p:nvSpPr>
          <p:cNvPr id="64" name="Freeform 63">
            <a:extLst>
              <a:ext uri="{FF2B5EF4-FFF2-40B4-BE49-F238E27FC236}">
                <a16:creationId xmlns:a16="http://schemas.microsoft.com/office/drawing/2014/main" id="{B26EB065-3C36-0749-A299-FB1936E78502}"/>
              </a:ext>
            </a:extLst>
          </p:cNvPr>
          <p:cNvSpPr/>
          <p:nvPr/>
        </p:nvSpPr>
        <p:spPr>
          <a:xfrm>
            <a:off x="3444279" y="818790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28" name="Text Placeholder 28">
            <a:extLst>
              <a:ext uri="{FF2B5EF4-FFF2-40B4-BE49-F238E27FC236}">
                <a16:creationId xmlns:a16="http://schemas.microsoft.com/office/drawing/2014/main" id="{26577482-BFC1-A74F-8844-DFC78BDEBF60}"/>
              </a:ext>
            </a:extLst>
          </p:cNvPr>
          <p:cNvSpPr txBox="1">
            <a:spLocks/>
          </p:cNvSpPr>
          <p:nvPr/>
        </p:nvSpPr>
        <p:spPr>
          <a:xfrm>
            <a:off x="1653784" y="6240271"/>
            <a:ext cx="553384" cy="228155"/>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20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buClr>
                <a:srgbClr val="7FCCC7"/>
              </a:buClr>
            </a:pPr>
            <a:r>
              <a:rPr lang="en-GB" dirty="0">
                <a:solidFill>
                  <a:srgbClr val="7FCCC7"/>
                </a:solidFill>
              </a:rPr>
              <a:t>a)</a:t>
            </a:r>
          </a:p>
          <a:p>
            <a:endParaRPr lang="en-RU" dirty="0">
              <a:solidFill>
                <a:srgbClr val="7FCCC7"/>
              </a:solidFill>
            </a:endParaRPr>
          </a:p>
        </p:txBody>
      </p:sp>
      <p:sp>
        <p:nvSpPr>
          <p:cNvPr id="30" name="Text Placeholder 28">
            <a:extLst>
              <a:ext uri="{FF2B5EF4-FFF2-40B4-BE49-F238E27FC236}">
                <a16:creationId xmlns:a16="http://schemas.microsoft.com/office/drawing/2014/main" id="{83DDD70E-384D-124A-A5F9-11735C4E5F34}"/>
              </a:ext>
            </a:extLst>
          </p:cNvPr>
          <p:cNvSpPr txBox="1">
            <a:spLocks/>
          </p:cNvSpPr>
          <p:nvPr/>
        </p:nvSpPr>
        <p:spPr>
          <a:xfrm>
            <a:off x="1653784" y="6616016"/>
            <a:ext cx="553384" cy="228155"/>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20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buClr>
                <a:srgbClr val="7FCCC7"/>
              </a:buClr>
            </a:pPr>
            <a:r>
              <a:rPr lang="en-GB" dirty="0">
                <a:solidFill>
                  <a:srgbClr val="7FCCC7"/>
                </a:solidFill>
              </a:rPr>
              <a:t>b)</a:t>
            </a:r>
          </a:p>
          <a:p>
            <a:endParaRPr lang="en-RU" dirty="0">
              <a:solidFill>
                <a:srgbClr val="7FCCC7"/>
              </a:solidFill>
            </a:endParaRPr>
          </a:p>
        </p:txBody>
      </p:sp>
      <p:sp>
        <p:nvSpPr>
          <p:cNvPr id="31" name="Text Placeholder 28">
            <a:extLst>
              <a:ext uri="{FF2B5EF4-FFF2-40B4-BE49-F238E27FC236}">
                <a16:creationId xmlns:a16="http://schemas.microsoft.com/office/drawing/2014/main" id="{F95EA6BD-9071-9643-9E01-68FEA168F399}"/>
              </a:ext>
            </a:extLst>
          </p:cNvPr>
          <p:cNvSpPr txBox="1">
            <a:spLocks/>
          </p:cNvSpPr>
          <p:nvPr/>
        </p:nvSpPr>
        <p:spPr>
          <a:xfrm>
            <a:off x="1653784" y="6991761"/>
            <a:ext cx="553384" cy="228155"/>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20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buClr>
                <a:srgbClr val="7FCCC7"/>
              </a:buClr>
            </a:pPr>
            <a:r>
              <a:rPr lang="en-GB" dirty="0">
                <a:solidFill>
                  <a:srgbClr val="7FCCC7"/>
                </a:solidFill>
              </a:rPr>
              <a:t>c)</a:t>
            </a:r>
          </a:p>
          <a:p>
            <a:endParaRPr lang="en-RU" dirty="0">
              <a:solidFill>
                <a:srgbClr val="7FCCC7"/>
              </a:solidFill>
            </a:endParaRPr>
          </a:p>
        </p:txBody>
      </p:sp>
      <p:sp>
        <p:nvSpPr>
          <p:cNvPr id="32" name="Text Placeholder 28">
            <a:extLst>
              <a:ext uri="{FF2B5EF4-FFF2-40B4-BE49-F238E27FC236}">
                <a16:creationId xmlns:a16="http://schemas.microsoft.com/office/drawing/2014/main" id="{A72226E3-B760-0F46-8055-17A75B1B0A5E}"/>
              </a:ext>
            </a:extLst>
          </p:cNvPr>
          <p:cNvSpPr txBox="1">
            <a:spLocks/>
          </p:cNvSpPr>
          <p:nvPr/>
        </p:nvSpPr>
        <p:spPr>
          <a:xfrm>
            <a:off x="1653784" y="7367506"/>
            <a:ext cx="553384" cy="228155"/>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20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buClr>
                <a:srgbClr val="7FCCC7"/>
              </a:buClr>
            </a:pPr>
            <a:r>
              <a:rPr lang="en-GB" dirty="0">
                <a:solidFill>
                  <a:srgbClr val="7FCCC7"/>
                </a:solidFill>
              </a:rPr>
              <a:t>d)</a:t>
            </a:r>
          </a:p>
          <a:p>
            <a:endParaRPr lang="en-RU" dirty="0">
              <a:solidFill>
                <a:srgbClr val="7FCCC7"/>
              </a:solidFill>
            </a:endParaRPr>
          </a:p>
        </p:txBody>
      </p:sp>
      <p:sp>
        <p:nvSpPr>
          <p:cNvPr id="33" name="Text Placeholder 28">
            <a:extLst>
              <a:ext uri="{FF2B5EF4-FFF2-40B4-BE49-F238E27FC236}">
                <a16:creationId xmlns:a16="http://schemas.microsoft.com/office/drawing/2014/main" id="{8DF9F59F-AE48-1746-86EF-0204235DC7E5}"/>
              </a:ext>
            </a:extLst>
          </p:cNvPr>
          <p:cNvSpPr txBox="1">
            <a:spLocks/>
          </p:cNvSpPr>
          <p:nvPr/>
        </p:nvSpPr>
        <p:spPr>
          <a:xfrm>
            <a:off x="1653784" y="7743250"/>
            <a:ext cx="553384" cy="228155"/>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20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buClr>
                <a:srgbClr val="7FCCC7"/>
              </a:buClr>
            </a:pPr>
            <a:r>
              <a:rPr lang="en-GB" dirty="0">
                <a:solidFill>
                  <a:srgbClr val="7FCCC7"/>
                </a:solidFill>
              </a:rPr>
              <a:t>e)</a:t>
            </a:r>
          </a:p>
          <a:p>
            <a:endParaRPr lang="en-RU" dirty="0">
              <a:solidFill>
                <a:srgbClr val="7FCCC7"/>
              </a:solidFill>
            </a:endParaRPr>
          </a:p>
        </p:txBody>
      </p:sp>
      <p:sp>
        <p:nvSpPr>
          <p:cNvPr id="4" name="Text Placeholder 34">
            <a:extLst>
              <a:ext uri="{FF2B5EF4-FFF2-40B4-BE49-F238E27FC236}">
                <a16:creationId xmlns:a16="http://schemas.microsoft.com/office/drawing/2014/main" id="{ECB8C1DA-55B4-0E97-C20E-9C9C10FF8099}"/>
              </a:ext>
            </a:extLst>
          </p:cNvPr>
          <p:cNvSpPr txBox="1">
            <a:spLocks/>
          </p:cNvSpPr>
          <p:nvPr/>
        </p:nvSpPr>
        <p:spPr>
          <a:xfrm>
            <a:off x="1124648" y="8934782"/>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20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ts val="490"/>
              </a:lnSpc>
            </a:pPr>
            <a:r>
              <a:rPr lang="et-EE" sz="1100"/>
              <a:t>NB! Tegemist on toimetamata tõlkega.</a:t>
            </a:r>
          </a:p>
          <a:p>
            <a:pPr>
              <a:lnSpc>
                <a:spcPts val="490"/>
              </a:lnSpc>
            </a:pPr>
            <a:r>
              <a:rPr lang="et-EE" sz="1100"/>
              <a:t>Kui midagi jääb arusaamatuks, palun vaadake ingliskeelset versiooni.</a:t>
            </a:r>
            <a:endParaRPr lang="en-LB" sz="1100"/>
          </a:p>
        </p:txBody>
      </p:sp>
    </p:spTree>
    <p:extLst>
      <p:ext uri="{BB962C8B-B14F-4D97-AF65-F5344CB8AC3E}">
        <p14:creationId xmlns:p14="http://schemas.microsoft.com/office/powerpoint/2010/main" val="3911704719"/>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03FBDE39-6AE7-6149-9D19-CBC7F9E7B6B4}"/>
              </a:ext>
            </a:extLst>
          </p:cNvPr>
          <p:cNvSpPr>
            <a:spLocks noGrp="1"/>
          </p:cNvSpPr>
          <p:nvPr>
            <p:ph type="body" sz="quarter" idx="14"/>
          </p:nvPr>
        </p:nvSpPr>
        <p:spPr/>
        <p:txBody>
          <a:bodyPr/>
          <a:lstStyle/>
          <a:p>
            <a:r>
              <a:rPr lang="et-EE"/>
              <a:t>VAATAME ÜKSIKASJALIKUMALT</a:t>
            </a:r>
            <a:r>
              <a:rPr lang="en-LB">
                <a:effectLst/>
              </a:rPr>
              <a:t> </a:t>
            </a:r>
            <a:endParaRPr lang="en-GB" dirty="0"/>
          </a:p>
        </p:txBody>
      </p:sp>
      <p:sp>
        <p:nvSpPr>
          <p:cNvPr id="5" name="Freeform 4">
            <a:extLst>
              <a:ext uri="{FF2B5EF4-FFF2-40B4-BE49-F238E27FC236}">
                <a16:creationId xmlns:a16="http://schemas.microsoft.com/office/drawing/2014/main" id="{00F29D68-7F6E-9B49-89B2-CB5117FA4C0D}"/>
              </a:ext>
            </a:extLst>
          </p:cNvPr>
          <p:cNvSpPr/>
          <p:nvPr/>
        </p:nvSpPr>
        <p:spPr>
          <a:xfrm>
            <a:off x="288257" y="700978"/>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6" name="Freeform 5">
            <a:extLst>
              <a:ext uri="{FF2B5EF4-FFF2-40B4-BE49-F238E27FC236}">
                <a16:creationId xmlns:a16="http://schemas.microsoft.com/office/drawing/2014/main" id="{37F290EA-44C9-634B-A10E-B8CDC2914A15}"/>
              </a:ext>
            </a:extLst>
          </p:cNvPr>
          <p:cNvSpPr/>
          <p:nvPr/>
        </p:nvSpPr>
        <p:spPr>
          <a:xfrm>
            <a:off x="381979" y="132769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7" name="Text Placeholder 3">
            <a:extLst>
              <a:ext uri="{FF2B5EF4-FFF2-40B4-BE49-F238E27FC236}">
                <a16:creationId xmlns:a16="http://schemas.microsoft.com/office/drawing/2014/main" id="{05153BEA-202C-AC47-AC78-6903AE4681C3}"/>
              </a:ext>
            </a:extLst>
          </p:cNvPr>
          <p:cNvSpPr txBox="1">
            <a:spLocks/>
          </p:cNvSpPr>
          <p:nvPr/>
        </p:nvSpPr>
        <p:spPr>
          <a:xfrm>
            <a:off x="521852" y="1311651"/>
            <a:ext cx="6533982" cy="50526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b="1" dirty="0"/>
              <a:t>01 </a:t>
            </a:r>
            <a:r>
              <a:rPr lang="et-EE" b="1"/>
              <a:t>Ideed ja võimalused</a:t>
            </a:r>
            <a:endParaRPr lang="en-LB" b="1"/>
          </a:p>
          <a:p>
            <a:endParaRPr lang="en-GB" b="1" dirty="0"/>
          </a:p>
        </p:txBody>
      </p:sp>
      <p:graphicFrame>
        <p:nvGraphicFramePr>
          <p:cNvPr id="10" name="Table 9">
            <a:extLst>
              <a:ext uri="{FF2B5EF4-FFF2-40B4-BE49-F238E27FC236}">
                <a16:creationId xmlns:a16="http://schemas.microsoft.com/office/drawing/2014/main" id="{4C2A68D1-80B2-6C42-98F2-AA4FA0770654}"/>
              </a:ext>
            </a:extLst>
          </p:cNvPr>
          <p:cNvGraphicFramePr>
            <a:graphicFrameLocks noGrp="1"/>
          </p:cNvGraphicFramePr>
          <p:nvPr>
            <p:extLst>
              <p:ext uri="{D42A27DB-BD31-4B8C-83A1-F6EECF244321}">
                <p14:modId xmlns:p14="http://schemas.microsoft.com/office/powerpoint/2010/main" val="3087335485"/>
              </p:ext>
            </p:extLst>
          </p:nvPr>
        </p:nvGraphicFramePr>
        <p:xfrm>
          <a:off x="503238" y="2023703"/>
          <a:ext cx="6533982" cy="7918200"/>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Kompetentsid</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t-EE" sz="1488" b="1" kern="1200">
                          <a:solidFill>
                            <a:schemeClr val="lt1"/>
                          </a:solidFill>
                          <a:effectLst/>
                          <a:latin typeface="+mn-lt"/>
                          <a:ea typeface="+mn-ea"/>
                          <a:cs typeface="+mn-cs"/>
                        </a:rPr>
                        <a:t>Vihjed</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t-EE" sz="1488" b="1" kern="1200">
                          <a:solidFill>
                            <a:schemeClr val="lt1"/>
                          </a:solidFill>
                          <a:effectLst/>
                          <a:latin typeface="+mn-lt"/>
                          <a:ea typeface="+mn-ea"/>
                          <a:cs typeface="+mn-cs"/>
                        </a:rPr>
                        <a:t>Kirjeldused</a:t>
                      </a:r>
                      <a:r>
                        <a:rPr lang="en-LB">
                          <a:effectLst/>
                        </a:rPr>
                        <a:t> </a:t>
                      </a:r>
                      <a:r>
                        <a:rPr lang="en-RU" dirty="0">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374400">
                <a:tc>
                  <a:txBody>
                    <a:bodyPr/>
                    <a:lstStyle/>
                    <a:p>
                      <a:pPr algn="ctr"/>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1.1 Märka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ctr"/>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algn="l"/>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asutage oma loovust ja võimeid, et leida võimalusi väärtuse loomiseks keerulises olukorra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uvastage ja kasutage võimalusi turukeskkonnas väärtuse loomisek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ehke kindlaks välised vajadused ja väljakutsed, millele tuleb vastata uuel või erineval viisil.</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Looge uusi sidemeid sidusrühmadega (investorid, töötajad, kliendid, tarnijad, kogukonnad, valitsused või ametiühingud), et luua võimalusi kriisi leevendamiseks ja väärtuse loomisek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r h="374400">
                <a:tc>
                  <a:txBody>
                    <a:bodyPr/>
                    <a:lstStyle/>
                    <a:p>
                      <a:pPr algn="ctr"/>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1.2 Loovu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ctr"/>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algn="l"/>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Arendage loovaid ja eesmärgipäraseid lähenemisi.</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l"/>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Uurige ja katsetage uuenduslikke lähenemisviis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öötage välja uusi ideid ja võimalusi väärtuse loomiseks, sh paremaid lahendusi olemasolevatele ja uutele väljakutsetel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Väärtuslike efektide saavutamiseks ühendage teadmised ja ressursid.</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780901125"/>
                  </a:ext>
                </a:extLst>
              </a:tr>
              <a:tr h="481162">
                <a:tc>
                  <a:txBody>
                    <a:bodyPr/>
                    <a:lstStyle/>
                    <a:p>
                      <a:pPr algn="ctr"/>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1.3. Visioon</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ctr"/>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algn="l"/>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öötage oma tulevikuvisiooni nimel.</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l"/>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ujutage ette tulevikku pärast kriisi.</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öötage välja visioon, et muuta ideed teok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Visualiseerige tulevikustsenaariume, mis aitavad suunata jõupingutusi ja meetmeid kriiside leevendamiseks.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994960872"/>
                  </a:ext>
                </a:extLst>
              </a:tr>
              <a:tr h="374400">
                <a:tc>
                  <a:txBody>
                    <a:bodyPr/>
                    <a:lstStyle/>
                    <a:p>
                      <a:pPr algn="ctr"/>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1.4 Ideede väärtusta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pPr algn="ctr"/>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algn="l"/>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asutage ideid ja võimalusi maksimaalselt är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Hinnake, milline väärtus on majanduslikus, sotsiaalses, tehnoloogilises ja tulevikutrendide keskkonna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unnistage idee potentsiaali väärtuse loomisel ja leidke sobivad viisid selle potentsiaali ja mõju maksimeerimisek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1671931227"/>
                  </a:ext>
                </a:extLst>
              </a:tr>
            </a:tbl>
          </a:graphicData>
        </a:graphic>
      </p:graphicFrame>
      <p:cxnSp>
        <p:nvCxnSpPr>
          <p:cNvPr id="4" name="Straight Connector 3">
            <a:extLst>
              <a:ext uri="{FF2B5EF4-FFF2-40B4-BE49-F238E27FC236}">
                <a16:creationId xmlns:a16="http://schemas.microsoft.com/office/drawing/2014/main" id="{6C3B0783-8ED2-B4E3-1A4E-1DBE0AC251FC}"/>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8" name="Text Placeholder 25">
            <a:extLst>
              <a:ext uri="{FF2B5EF4-FFF2-40B4-BE49-F238E27FC236}">
                <a16:creationId xmlns:a16="http://schemas.microsoft.com/office/drawing/2014/main" id="{3D7988AD-25D3-DFC6-8453-8E692027B384}"/>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1591195242"/>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4">
            <a:extLst>
              <a:ext uri="{FF2B5EF4-FFF2-40B4-BE49-F238E27FC236}">
                <a16:creationId xmlns:a16="http://schemas.microsoft.com/office/drawing/2014/main" id="{7CBE886F-1CAB-F04E-ACD5-36756C35BE60}"/>
              </a:ext>
            </a:extLst>
          </p:cNvPr>
          <p:cNvGraphicFramePr>
            <a:graphicFrameLocks noGrp="1"/>
          </p:cNvGraphicFramePr>
          <p:nvPr>
            <p:extLst>
              <p:ext uri="{D42A27DB-BD31-4B8C-83A1-F6EECF244321}">
                <p14:modId xmlns:p14="http://schemas.microsoft.com/office/powerpoint/2010/main" val="3578047715"/>
              </p:ext>
            </p:extLst>
          </p:nvPr>
        </p:nvGraphicFramePr>
        <p:xfrm>
          <a:off x="503238" y="574465"/>
          <a:ext cx="6533982" cy="2553720"/>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Kompetentsid</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t-EE" sz="1488" b="1" kern="1200">
                          <a:solidFill>
                            <a:schemeClr val="lt1"/>
                          </a:solidFill>
                          <a:effectLst/>
                          <a:latin typeface="+mn-lt"/>
                          <a:ea typeface="+mn-ea"/>
                          <a:cs typeface="+mn-cs"/>
                        </a:rPr>
                        <a:t>Vihjed</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t-EE" sz="1488" b="1" kern="1200">
                          <a:solidFill>
                            <a:schemeClr val="lt1"/>
                          </a:solidFill>
                          <a:effectLst/>
                          <a:latin typeface="+mn-lt"/>
                          <a:ea typeface="+mn-ea"/>
                          <a:cs typeface="+mn-cs"/>
                        </a:rPr>
                        <a:t>Kirjeldused</a:t>
                      </a:r>
                      <a:r>
                        <a:rPr lang="en-LB">
                          <a:effectLst/>
                        </a:rPr>
                        <a:t> </a:t>
                      </a:r>
                      <a:r>
                        <a:rPr lang="en-RU" dirty="0">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374400">
                <a:tc>
                  <a:txBody>
                    <a:bodyPr/>
                    <a:lstStyle/>
                    <a:p>
                      <a:pPr algn="ctr"/>
                      <a:r>
                        <a:rPr lang="en-GB" sz="1100" b="1" u="sng" kern="1200" dirty="0">
                          <a:solidFill>
                            <a:srgbClr val="22385A"/>
                          </a:solidFill>
                          <a:effectLst/>
                          <a:latin typeface="Calibri" panose="020F0502020204030204" pitchFamily="34" charset="0"/>
                          <a:ea typeface="+mn-ea"/>
                          <a:cs typeface="Calibri" panose="020F0502020204030204" pitchFamily="34" charset="0"/>
                        </a:rPr>
                        <a:t>1.5 Eetiline ja jätkusuutlik mõtlemine</a:t>
                      </a: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Hinnake ideede, võimaluste ja tegude tagajärgi ja mõju.</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Hinnake väärtust loovate võimaluste tagajärgi ja ettevõtlustegevuse mõju sihtrühmale, turule, ühiskonnale ja keskkonnal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Mõelge pikaajaliste majanduseesmärkide jätkusuutlikkusele ja valitud tegevussuundadel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äituge vastutustundlikul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bl>
          </a:graphicData>
        </a:graphic>
      </p:graphicFrame>
      <p:sp>
        <p:nvSpPr>
          <p:cNvPr id="6" name="Freeform 5">
            <a:extLst>
              <a:ext uri="{FF2B5EF4-FFF2-40B4-BE49-F238E27FC236}">
                <a16:creationId xmlns:a16="http://schemas.microsoft.com/office/drawing/2014/main" id="{1D88CDB4-0D64-8243-BBAD-0C3DE8663956}"/>
              </a:ext>
            </a:extLst>
          </p:cNvPr>
          <p:cNvSpPr/>
          <p:nvPr/>
        </p:nvSpPr>
        <p:spPr>
          <a:xfrm>
            <a:off x="381979" y="3518803"/>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7" name="Text Placeholder 3">
            <a:extLst>
              <a:ext uri="{FF2B5EF4-FFF2-40B4-BE49-F238E27FC236}">
                <a16:creationId xmlns:a16="http://schemas.microsoft.com/office/drawing/2014/main" id="{533661C9-DB17-344C-B0E3-E144C1BA90D3}"/>
              </a:ext>
            </a:extLst>
          </p:cNvPr>
          <p:cNvSpPr txBox="1">
            <a:spLocks/>
          </p:cNvSpPr>
          <p:nvPr/>
        </p:nvSpPr>
        <p:spPr>
          <a:xfrm>
            <a:off x="521852" y="3502760"/>
            <a:ext cx="6533982" cy="50526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b="1" dirty="0"/>
              <a:t>02 </a:t>
            </a:r>
            <a:r>
              <a:rPr lang="et-EE" b="1"/>
              <a:t>Ressursid</a:t>
            </a:r>
            <a:endParaRPr lang="en-LB" b="1"/>
          </a:p>
          <a:p>
            <a:endParaRPr lang="en-RU" b="1" dirty="0"/>
          </a:p>
        </p:txBody>
      </p:sp>
      <p:graphicFrame>
        <p:nvGraphicFramePr>
          <p:cNvPr id="8" name="Table 7">
            <a:extLst>
              <a:ext uri="{FF2B5EF4-FFF2-40B4-BE49-F238E27FC236}">
                <a16:creationId xmlns:a16="http://schemas.microsoft.com/office/drawing/2014/main" id="{3A24E5CD-290C-1A48-9099-69B385B5D198}"/>
              </a:ext>
            </a:extLst>
          </p:cNvPr>
          <p:cNvGraphicFramePr>
            <a:graphicFrameLocks noGrp="1"/>
          </p:cNvGraphicFramePr>
          <p:nvPr>
            <p:extLst>
              <p:ext uri="{D42A27DB-BD31-4B8C-83A1-F6EECF244321}">
                <p14:modId xmlns:p14="http://schemas.microsoft.com/office/powerpoint/2010/main" val="1318413592"/>
              </p:ext>
            </p:extLst>
          </p:nvPr>
        </p:nvGraphicFramePr>
        <p:xfrm>
          <a:off x="503238" y="4214812"/>
          <a:ext cx="6533982" cy="4230120"/>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Kompetentsid</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t-EE" sz="1488" b="1" kern="1200">
                          <a:solidFill>
                            <a:schemeClr val="lt1"/>
                          </a:solidFill>
                          <a:effectLst/>
                          <a:latin typeface="+mn-lt"/>
                          <a:ea typeface="+mn-ea"/>
                          <a:cs typeface="+mn-cs"/>
                        </a:rPr>
                        <a:t>Vihjed</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t-EE" sz="1488" b="1" kern="1200">
                          <a:solidFill>
                            <a:schemeClr val="lt1"/>
                          </a:solidFill>
                          <a:effectLst/>
                          <a:latin typeface="+mn-lt"/>
                          <a:ea typeface="+mn-ea"/>
                          <a:cs typeface="+mn-cs"/>
                        </a:rPr>
                        <a:t>Kirjeldused</a:t>
                      </a:r>
                      <a:r>
                        <a:rPr lang="en-LB">
                          <a:effectLst/>
                        </a:rPr>
                        <a:t> </a:t>
                      </a:r>
                      <a:r>
                        <a:rPr lang="en-RU" dirty="0">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374400">
                <a:tc>
                  <a:txBody>
                    <a:bodyPr/>
                    <a:lstStyle/>
                    <a:p>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2.1 Eneseteadvus ja enesetõhusu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b="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Usu endasse ja arene pidevalt edasi.</a:t>
                      </a:r>
                      <a:endParaRPr lang="en-LB" sz="1100" b="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Mõelge oma isiklikule olukorrale, millised on teie vajadused lühikeses, keskmises ja pikas perspektiivi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uvastage ja hinnake enda individuaalseid ja rühma (sisemised sidusrühmad, nt töötajad) tugevaid ja nõrku külgi.</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Uskuge oma võimesse sündmuste käiku mõjutada, hoolimata ebakindlusest, tagasilöökidest ja ebaõnnestumistes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r h="374400">
                <a:tc>
                  <a:txBody>
                    <a:bodyPr/>
                    <a:lstStyle/>
                    <a:p>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2.2 Motivatsioon ja sihikindlu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Olge keskendunud ja ärge alla andk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Olge otsusekindel lahendusideede teoks muutmisel ja rahuldage oma saavutusvajadus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Olge valmis keskenduma ja püüdke edasi liikud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Olge pinge all, ebaõnne ja ebaõnnestumiste korral vastupidav.</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780901125"/>
                  </a:ext>
                </a:extLst>
              </a:tr>
            </a:tbl>
          </a:graphicData>
        </a:graphic>
      </p:graphicFrame>
      <p:cxnSp>
        <p:nvCxnSpPr>
          <p:cNvPr id="3" name="Straight Connector 2">
            <a:extLst>
              <a:ext uri="{FF2B5EF4-FFF2-40B4-BE49-F238E27FC236}">
                <a16:creationId xmlns:a16="http://schemas.microsoft.com/office/drawing/2014/main" id="{897AA790-C0DC-BD1E-68AA-00C1265C3F7A}"/>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6F6AF671-1A01-1F3D-6854-D7EFBA79E269}"/>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393968051"/>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4">
            <a:extLst>
              <a:ext uri="{FF2B5EF4-FFF2-40B4-BE49-F238E27FC236}">
                <a16:creationId xmlns:a16="http://schemas.microsoft.com/office/drawing/2014/main" id="{39B8B697-EEC5-6C48-814E-8BEF4C8D36BB}"/>
              </a:ext>
            </a:extLst>
          </p:cNvPr>
          <p:cNvGraphicFramePr>
            <a:graphicFrameLocks noGrp="1"/>
          </p:cNvGraphicFramePr>
          <p:nvPr>
            <p:extLst>
              <p:ext uri="{D42A27DB-BD31-4B8C-83A1-F6EECF244321}">
                <p14:modId xmlns:p14="http://schemas.microsoft.com/office/powerpoint/2010/main" val="3987151977"/>
              </p:ext>
            </p:extLst>
          </p:nvPr>
        </p:nvGraphicFramePr>
        <p:xfrm>
          <a:off x="503238" y="607282"/>
          <a:ext cx="6533982" cy="5068320"/>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Kompetentsid</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t-EE" sz="1488" b="1" kern="1200">
                          <a:solidFill>
                            <a:schemeClr val="lt1"/>
                          </a:solidFill>
                          <a:effectLst/>
                          <a:latin typeface="+mn-lt"/>
                          <a:ea typeface="+mn-ea"/>
                          <a:cs typeface="+mn-cs"/>
                        </a:rPr>
                        <a:t>Vihjed</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t-EE" sz="1488" b="1" kern="1200">
                          <a:solidFill>
                            <a:schemeClr val="lt1"/>
                          </a:solidFill>
                          <a:effectLst/>
                          <a:latin typeface="+mn-lt"/>
                          <a:ea typeface="+mn-ea"/>
                          <a:cs typeface="+mn-cs"/>
                        </a:rPr>
                        <a:t>Kirjeldused</a:t>
                      </a:r>
                      <a:r>
                        <a:rPr lang="en-LB">
                          <a:effectLst/>
                        </a:rPr>
                        <a:t> </a:t>
                      </a:r>
                      <a:r>
                        <a:rPr lang="en-RU" dirty="0">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374400">
                <a:tc>
                  <a:txBody>
                    <a:bodyPr/>
                    <a:lstStyle/>
                    <a:p>
                      <a:pPr algn="ctr"/>
                      <a:r>
                        <a:rPr lang="en-GB" sz="1100" b="1" u="sng" kern="1200" dirty="0">
                          <a:solidFill>
                            <a:srgbClr val="22385A"/>
                          </a:solidFill>
                          <a:effectLst/>
                          <a:latin typeface="Calibri" panose="020F0502020204030204" pitchFamily="34" charset="0"/>
                          <a:ea typeface="+mn-ea"/>
                          <a:cs typeface="Calibri" panose="020F0502020204030204" pitchFamily="34" charset="0"/>
                        </a:rPr>
                        <a:t>2.3 Ressursside mobiliseerimine </a:t>
                      </a: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oguge ja hallake vajalikke ressurss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Hankige ja hallake kriisiga toimetulemiseks vajalikke ressurss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asutage piiratud ressursse maksimaalselt ära – lähenege nutikal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Hankige ja hallake igal etapil vajalikke pädevusi, sealhulgas tehnilisi, juriidilisi, maksu- ja digipädevusi.</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r h="374400">
                <a:tc>
                  <a:txBody>
                    <a:bodyPr/>
                    <a:lstStyle/>
                    <a:p>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2.4 Finants- ja majandusalane kirjaosku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Arendage finants- ja majandusalast oskusteave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Omage põhjalikku ülevaadet finantsidest ja kontrollige tulude, likviidsuse, teabehalduse os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Planeerige, pange paika ja hinnake finantsotsuseid aja jooksul ja kriisi igas etapi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780901125"/>
                  </a:ext>
                </a:extLst>
              </a:tr>
              <a:tr h="481162">
                <a:tc>
                  <a:txBody>
                    <a:bodyPr/>
                    <a:lstStyle/>
                    <a:p>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2.5. Teiste mobiliseeri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Inspireerige, vaimustage ja kutsuge teisi kaas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Inspireerige ja vaimustage asjaomaseid sidusrühmi.</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Hankige väärtuslike tulemuste saavutamiseks vajalikku tug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Näidake tõhusat suhtlemist-, veenmis-, läbirääkimis- ja juhtimisoskus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994960872"/>
                  </a:ext>
                </a:extLst>
              </a:tr>
            </a:tbl>
          </a:graphicData>
        </a:graphic>
      </p:graphicFrame>
      <p:sp>
        <p:nvSpPr>
          <p:cNvPr id="7" name="Freeform 6">
            <a:extLst>
              <a:ext uri="{FF2B5EF4-FFF2-40B4-BE49-F238E27FC236}">
                <a16:creationId xmlns:a16="http://schemas.microsoft.com/office/drawing/2014/main" id="{5F92CFB4-A267-004A-8FBE-209366D6DFAE}"/>
              </a:ext>
            </a:extLst>
          </p:cNvPr>
          <p:cNvSpPr/>
          <p:nvPr/>
        </p:nvSpPr>
        <p:spPr>
          <a:xfrm>
            <a:off x="381979" y="6297860"/>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8" name="Text Placeholder 3">
            <a:extLst>
              <a:ext uri="{FF2B5EF4-FFF2-40B4-BE49-F238E27FC236}">
                <a16:creationId xmlns:a16="http://schemas.microsoft.com/office/drawing/2014/main" id="{96F5EB05-7F30-BF43-A1D5-A0CC67C27CE9}"/>
              </a:ext>
            </a:extLst>
          </p:cNvPr>
          <p:cNvSpPr txBox="1">
            <a:spLocks/>
          </p:cNvSpPr>
          <p:nvPr/>
        </p:nvSpPr>
        <p:spPr>
          <a:xfrm>
            <a:off x="521852" y="6281817"/>
            <a:ext cx="6533982" cy="50526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b="1" dirty="0"/>
              <a:t>03 </a:t>
            </a:r>
            <a:r>
              <a:rPr lang="et-EE" b="1"/>
              <a:t>Tegevused</a:t>
            </a:r>
            <a:endParaRPr lang="en-LB" b="1"/>
          </a:p>
        </p:txBody>
      </p:sp>
      <p:graphicFrame>
        <p:nvGraphicFramePr>
          <p:cNvPr id="9" name="Table 8">
            <a:extLst>
              <a:ext uri="{FF2B5EF4-FFF2-40B4-BE49-F238E27FC236}">
                <a16:creationId xmlns:a16="http://schemas.microsoft.com/office/drawing/2014/main" id="{E26A5E04-3213-8D40-B26C-5623EC28C395}"/>
              </a:ext>
            </a:extLst>
          </p:cNvPr>
          <p:cNvGraphicFramePr>
            <a:graphicFrameLocks noGrp="1"/>
          </p:cNvGraphicFramePr>
          <p:nvPr>
            <p:extLst>
              <p:ext uri="{D42A27DB-BD31-4B8C-83A1-F6EECF244321}">
                <p14:modId xmlns:p14="http://schemas.microsoft.com/office/powerpoint/2010/main" val="3388790128"/>
              </p:ext>
            </p:extLst>
          </p:nvPr>
        </p:nvGraphicFramePr>
        <p:xfrm>
          <a:off x="503238" y="6993869"/>
          <a:ext cx="6533982" cy="2218440"/>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Kompetentsid</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t-EE" sz="1488" b="1" kern="1200">
                          <a:solidFill>
                            <a:schemeClr val="lt1"/>
                          </a:solidFill>
                          <a:effectLst/>
                          <a:latin typeface="+mn-lt"/>
                          <a:ea typeface="+mn-ea"/>
                          <a:cs typeface="+mn-cs"/>
                        </a:rPr>
                        <a:t>Vihjed</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t-EE" sz="1488" b="1" kern="1200">
                          <a:solidFill>
                            <a:schemeClr val="lt1"/>
                          </a:solidFill>
                          <a:effectLst/>
                          <a:latin typeface="+mn-lt"/>
                          <a:ea typeface="+mn-ea"/>
                          <a:cs typeface="+mn-cs"/>
                        </a:rPr>
                        <a:t>Kirjeldused</a:t>
                      </a:r>
                      <a:r>
                        <a:rPr lang="en-LB">
                          <a:effectLst/>
                        </a:rPr>
                        <a:t> </a:t>
                      </a:r>
                      <a:r>
                        <a:rPr lang="en-RU" dirty="0">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374400">
                <a:tc>
                  <a:txBody>
                    <a:bodyPr/>
                    <a:lstStyle/>
                    <a:p>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3.1 Initsiatiivi võt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ee sed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Algatage kriisi lahendamise protsess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Võtke vastu väljakutsed.</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egutsege ja töötage eesmärkide saavutamiseks iseseisval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Näidake üles vastupidavust ja jääge kavatsustele kindlaks ning täitke kavandatud ülesanded.</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bl>
          </a:graphicData>
        </a:graphic>
      </p:graphicFrame>
      <p:cxnSp>
        <p:nvCxnSpPr>
          <p:cNvPr id="3" name="Straight Connector 2">
            <a:extLst>
              <a:ext uri="{FF2B5EF4-FFF2-40B4-BE49-F238E27FC236}">
                <a16:creationId xmlns:a16="http://schemas.microsoft.com/office/drawing/2014/main" id="{EFAFED54-A57F-9EDE-2B58-1AED2E8F9BC0}"/>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6480F079-94D4-D756-7434-5B566558581A}"/>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1858080828"/>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7" name="Table 6">
            <a:extLst>
              <a:ext uri="{FF2B5EF4-FFF2-40B4-BE49-F238E27FC236}">
                <a16:creationId xmlns:a16="http://schemas.microsoft.com/office/drawing/2014/main" id="{7CEF0736-1154-0343-BA7E-08A114405280}"/>
              </a:ext>
            </a:extLst>
          </p:cNvPr>
          <p:cNvGraphicFramePr>
            <a:graphicFrameLocks noGrp="1"/>
          </p:cNvGraphicFramePr>
          <p:nvPr>
            <p:extLst>
              <p:ext uri="{D42A27DB-BD31-4B8C-83A1-F6EECF244321}">
                <p14:modId xmlns:p14="http://schemas.microsoft.com/office/powerpoint/2010/main" val="1817894497"/>
              </p:ext>
            </p:extLst>
          </p:nvPr>
        </p:nvGraphicFramePr>
        <p:xfrm>
          <a:off x="503238" y="607282"/>
          <a:ext cx="6533982" cy="6912360"/>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Kompetentsid</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t-EE" sz="1488" b="1" kern="1200">
                          <a:solidFill>
                            <a:schemeClr val="lt1"/>
                          </a:solidFill>
                          <a:effectLst/>
                          <a:latin typeface="+mn-lt"/>
                          <a:ea typeface="+mn-ea"/>
                          <a:cs typeface="+mn-cs"/>
                        </a:rPr>
                        <a:t>Vihjed</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t-EE" sz="1488" b="1" kern="1200">
                          <a:solidFill>
                            <a:schemeClr val="lt1"/>
                          </a:solidFill>
                          <a:effectLst/>
                          <a:latin typeface="+mn-lt"/>
                          <a:ea typeface="+mn-ea"/>
                          <a:cs typeface="+mn-cs"/>
                        </a:rPr>
                        <a:t>Kirjeldused</a:t>
                      </a:r>
                      <a:r>
                        <a:rPr lang="en-LB">
                          <a:effectLst/>
                        </a:rPr>
                        <a:t> </a:t>
                      </a:r>
                      <a:r>
                        <a:rPr lang="en-RU" dirty="0">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374400">
                <a:tc>
                  <a:txBody>
                    <a:bodyPr/>
                    <a:lstStyle/>
                    <a:p>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3.2 Planeerimine ja juhti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Sea prioriteedid, korralda ja tee järeltegevusi</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Seadke pikaajalised, keskmise pikkusega ja lühiajalised kriisiohjamise eesmärgid.</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Määratlege prioriteedid ja tegevuskavad</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ohanege ettenägematute muutusteg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r h="374400">
                <a:tc>
                  <a:txBody>
                    <a:bodyPr/>
                    <a:lstStyle/>
                    <a:p>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3.3 Ebakindluse, ebaselguse ja riskiga toimetulek</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ehke otsuseid, mis käsitlevad ebakindlust, ebaselgust ja risk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ehke otsuseid, kui selle otsuse tulemus on ebakindel, kui saadaolev teave on osaline või mitmetähenduslik või kui on olemas soovimatute tulemuste oh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aasake väärtuse loomise protsessis struktureeritud viise ideede ja prototüüpide testimiseks varases staadiumis, et vähendada ebaõnnestumise ohtu.</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äsitsege kiiresti muutuvaid olukordi kiiresti ja paindlikul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780901125"/>
                  </a:ext>
                </a:extLst>
              </a:tr>
              <a:tr h="481162">
                <a:tc>
                  <a:txBody>
                    <a:bodyPr/>
                    <a:lstStyle/>
                    <a:p>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3.4 Teistega tööta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Ühinege koostööks, tehke koostööd ja võrgustug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öötage ja tehke teistega koostööd, et kriisi leevendada ja sellega toime tull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Võrgustuge teisteg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Lahendage konflikte ja vastake vajadusel positiivselt konkurentsil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994960872"/>
                  </a:ext>
                </a:extLst>
              </a:tr>
              <a:tr h="481162">
                <a:tc>
                  <a:txBody>
                    <a:bodyPr/>
                    <a:lstStyle/>
                    <a:p>
                      <a:r>
                        <a:rPr lang="et-EE" sz="1100" b="1" u="sng">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3.5. Kogemustest õppi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Õppige tehe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asutage mis tahes algatust väärtuse loomiseks kui õppimisvõimalus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Õppige koos teistega, sealhulgas kaaslaste ja mentoriteg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Reflekteerige ja õppige nii edust kui ka ebaõnnestumistes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1069404086"/>
                  </a:ext>
                </a:extLst>
              </a:tr>
            </a:tbl>
          </a:graphicData>
        </a:graphic>
      </p:graphicFrame>
      <p:grpSp>
        <p:nvGrpSpPr>
          <p:cNvPr id="12" name="Graphic 48">
            <a:extLst>
              <a:ext uri="{FF2B5EF4-FFF2-40B4-BE49-F238E27FC236}">
                <a16:creationId xmlns:a16="http://schemas.microsoft.com/office/drawing/2014/main" id="{25F927C3-7335-244A-B0ED-0442D7053F9C}"/>
              </a:ext>
            </a:extLst>
          </p:cNvPr>
          <p:cNvGrpSpPr/>
          <p:nvPr/>
        </p:nvGrpSpPr>
        <p:grpSpPr>
          <a:xfrm rot="5400000">
            <a:off x="595728" y="8486289"/>
            <a:ext cx="1900144" cy="687918"/>
            <a:chOff x="80265" y="4007987"/>
            <a:chExt cx="7398066" cy="2678353"/>
          </a:xfrm>
          <a:solidFill>
            <a:srgbClr val="FDC662"/>
          </a:solidFill>
        </p:grpSpPr>
        <p:sp>
          <p:nvSpPr>
            <p:cNvPr id="13" name="Freeform 12">
              <a:extLst>
                <a:ext uri="{FF2B5EF4-FFF2-40B4-BE49-F238E27FC236}">
                  <a16:creationId xmlns:a16="http://schemas.microsoft.com/office/drawing/2014/main" id="{D031D40F-6BB6-D148-8479-15F6BF2D6BBF}"/>
                </a:ext>
              </a:extLst>
            </p:cNvPr>
            <p:cNvSpPr/>
            <p:nvPr/>
          </p:nvSpPr>
          <p:spPr>
            <a:xfrm>
              <a:off x="5646771" y="4007987"/>
              <a:ext cx="1831560" cy="2678353"/>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grpFill/>
            <a:ln w="8971" cap="flat">
              <a:noFill/>
              <a:prstDash val="solid"/>
              <a:miter/>
            </a:ln>
          </p:spPr>
          <p:txBody>
            <a:bodyPr rtlCol="0" anchor="ctr"/>
            <a:lstStyle/>
            <a:p>
              <a:endParaRPr lang="en-RU"/>
            </a:p>
          </p:txBody>
        </p:sp>
        <p:sp>
          <p:nvSpPr>
            <p:cNvPr id="14" name="Freeform 13">
              <a:extLst>
                <a:ext uri="{FF2B5EF4-FFF2-40B4-BE49-F238E27FC236}">
                  <a16:creationId xmlns:a16="http://schemas.microsoft.com/office/drawing/2014/main" id="{F98CBBE1-AE54-4D4D-9C08-EED05AFA5B91}"/>
                </a:ext>
              </a:extLst>
            </p:cNvPr>
            <p:cNvSpPr/>
            <p:nvPr/>
          </p:nvSpPr>
          <p:spPr>
            <a:xfrm>
              <a:off x="37943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000A613F-5562-E64D-AF6B-DD247DB1573D}"/>
                </a:ext>
              </a:extLst>
            </p:cNvPr>
            <p:cNvSpPr/>
            <p:nvPr/>
          </p:nvSpPr>
          <p:spPr>
            <a:xfrm>
              <a:off x="19420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9380FC7A-B55F-4F47-818E-005651F68BF7}"/>
                </a:ext>
              </a:extLst>
            </p:cNvPr>
            <p:cNvSpPr/>
            <p:nvPr/>
          </p:nvSpPr>
          <p:spPr>
            <a:xfrm>
              <a:off x="80265" y="4007987"/>
              <a:ext cx="1831649" cy="2678353"/>
            </a:xfrm>
            <a:custGeom>
              <a:avLst/>
              <a:gdLst>
                <a:gd name="connsiteX0" fmla="*/ 1831650 w 1831649"/>
                <a:gd name="connsiteY0" fmla="*/ 1339177 h 2678353"/>
                <a:gd name="connsiteX1" fmla="*/ 0 w 1831649"/>
                <a:gd name="connsiteY1" fmla="*/ 0 h 2678353"/>
                <a:gd name="connsiteX2" fmla="*/ 0 w 1831649"/>
                <a:gd name="connsiteY2" fmla="*/ 2678354 h 2678353"/>
              </a:gdLst>
              <a:ahLst/>
              <a:cxnLst>
                <a:cxn ang="0">
                  <a:pos x="connsiteX0" y="connsiteY0"/>
                </a:cxn>
                <a:cxn ang="0">
                  <a:pos x="connsiteX1" y="connsiteY1"/>
                </a:cxn>
                <a:cxn ang="0">
                  <a:pos x="connsiteX2" y="connsiteY2"/>
                </a:cxn>
              </a:cxnLst>
              <a:rect l="l" t="t" r="r" b="b"/>
              <a:pathLst>
                <a:path w="1831649"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grpSp>
      <p:cxnSp>
        <p:nvCxnSpPr>
          <p:cNvPr id="3" name="Straight Connector 2">
            <a:extLst>
              <a:ext uri="{FF2B5EF4-FFF2-40B4-BE49-F238E27FC236}">
                <a16:creationId xmlns:a16="http://schemas.microsoft.com/office/drawing/2014/main" id="{B7926F0B-E683-F112-8439-72D92F5B6BBB}"/>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185A20A7-4D3A-EAD9-4B2A-9158933641A3}"/>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2539517022"/>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Freeform 4">
            <a:extLst>
              <a:ext uri="{FF2B5EF4-FFF2-40B4-BE49-F238E27FC236}">
                <a16:creationId xmlns:a16="http://schemas.microsoft.com/office/drawing/2014/main" id="{6E742E75-966F-6443-9140-8A24A5764C89}"/>
              </a:ext>
            </a:extLst>
          </p:cNvPr>
          <p:cNvSpPr/>
          <p:nvPr/>
        </p:nvSpPr>
        <p:spPr>
          <a:xfrm>
            <a:off x="381979" y="55553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6" name="Text Placeholder 3">
            <a:extLst>
              <a:ext uri="{FF2B5EF4-FFF2-40B4-BE49-F238E27FC236}">
                <a16:creationId xmlns:a16="http://schemas.microsoft.com/office/drawing/2014/main" id="{C83DCABB-BA8A-6340-94EB-24AC6013C389}"/>
              </a:ext>
            </a:extLst>
          </p:cNvPr>
          <p:cNvSpPr txBox="1">
            <a:spLocks/>
          </p:cNvSpPr>
          <p:nvPr/>
        </p:nvSpPr>
        <p:spPr>
          <a:xfrm>
            <a:off x="521852" y="539491"/>
            <a:ext cx="6533982" cy="50526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DigComp Raamistik</a:t>
            </a:r>
            <a:endParaRPr lang="en-LB"/>
          </a:p>
        </p:txBody>
      </p:sp>
      <p:graphicFrame>
        <p:nvGraphicFramePr>
          <p:cNvPr id="7" name="Table 6">
            <a:extLst>
              <a:ext uri="{FF2B5EF4-FFF2-40B4-BE49-F238E27FC236}">
                <a16:creationId xmlns:a16="http://schemas.microsoft.com/office/drawing/2014/main" id="{B93DBCFA-1275-D846-91BA-D672D9AD3456}"/>
              </a:ext>
            </a:extLst>
          </p:cNvPr>
          <p:cNvGraphicFramePr>
            <a:graphicFrameLocks noGrp="1"/>
          </p:cNvGraphicFramePr>
          <p:nvPr>
            <p:extLst>
              <p:ext uri="{D42A27DB-BD31-4B8C-83A1-F6EECF244321}">
                <p14:modId xmlns:p14="http://schemas.microsoft.com/office/powerpoint/2010/main" val="3380547470"/>
              </p:ext>
            </p:extLst>
          </p:nvPr>
        </p:nvGraphicFramePr>
        <p:xfrm>
          <a:off x="503238" y="1251543"/>
          <a:ext cx="6533982" cy="7750560"/>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Kompetentsid</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t-EE" sz="1488" b="1" kern="1200">
                          <a:solidFill>
                            <a:schemeClr val="lt1"/>
                          </a:solidFill>
                          <a:effectLst/>
                          <a:latin typeface="+mn-lt"/>
                          <a:ea typeface="+mn-ea"/>
                          <a:cs typeface="+mn-cs"/>
                        </a:rPr>
                        <a:t>Vihjed</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t-EE" sz="1488" b="1" kern="1200">
                          <a:solidFill>
                            <a:schemeClr val="lt1"/>
                          </a:solidFill>
                          <a:effectLst/>
                          <a:latin typeface="+mn-lt"/>
                          <a:ea typeface="+mn-ea"/>
                          <a:cs typeface="+mn-cs"/>
                        </a:rPr>
                        <a:t>Kirjeldused</a:t>
                      </a:r>
                      <a:r>
                        <a:rPr lang="en-LB">
                          <a:effectLst/>
                        </a:rPr>
                        <a:t> </a:t>
                      </a:r>
                      <a:r>
                        <a:rPr lang="en-RU" dirty="0">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374400">
                <a:tc>
                  <a:txBody>
                    <a:bodyPr/>
                    <a:lstStyle/>
                    <a:p>
                      <a:r>
                        <a:rPr lang="et-EE" sz="11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Andmete, teabe ja digisisu halda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eabevajaduse sõnastamine, digitaalsete andmete, teabe ja sisu leidmine ja hanki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Allika ja selle sisu asjakohasuse hinda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Digitaalsete andmete, teabe ja sisu salvestamine, haldamine ja korralda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1. moodul – õppijatele tutvustatakse üliõpilaste kodanikuosaluse kontseptsiooni ja seda, kuidas digitehnoloogiad võivad mängida olulist rolli, ning kuidas otsida ja tuvastada potentsiaalseid tulevasi kodanikuosaluse projekt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6. moodul – õppijad leiavad viise, kuidas kasutada digitehnoloogiaid, et teha koostööd teistega ja leida sarnaselt mõtlevaid inimesi.</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r h="374400">
                <a:tc>
                  <a:txBody>
                    <a:bodyPr/>
                    <a:lstStyle/>
                    <a:p>
                      <a:r>
                        <a:rPr lang="et-EE" sz="11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Suhtlemine ja koostöö</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Mõjutamine, suhtlemine ja koostöö tegemine digitehnoloogia abil, olles samal ajal teadlik kultuurilisest ja põlvkondade vahelisest mitmekesisusest.</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Oma digitaalse identiteedi ja maine halda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2. moodul – õppijad saavad aru ja arendavad oma pädevust, kuidas olla digitehnoloogia abil kodanikuna kaasatud.</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6. moodul – õppijad saavad teada, kuidas oma projekte turundada ja luua oma lugu/isik oma digitaalse kodanikuosaluse projekti jaok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780901125"/>
                  </a:ext>
                </a:extLst>
              </a:tr>
              <a:tr h="481162">
                <a:tc>
                  <a:txBody>
                    <a:bodyPr/>
                    <a:lstStyle/>
                    <a:p>
                      <a:r>
                        <a:rPr lang="et-EE" sz="11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Digisisu loo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Digisisu loomine ja redigeeri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eabe ja sisu täiustamine ja integreerimine olemasolevasse teadmiste pagasiss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Pädevused teabe ja sisu täiustamiseks ja integreerimiseks olemasolevasse teadmiste pagasisse on läbiv joon kõigis projekti intellektuaalsetes tulemuste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994960872"/>
                  </a:ext>
                </a:extLst>
              </a:tr>
              <a:tr h="374400">
                <a:tc>
                  <a:txBody>
                    <a:bodyPr/>
                    <a:lstStyle/>
                    <a:p>
                      <a:r>
                        <a:rPr lang="et-EE" sz="11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Turvalisu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Seadmete, sisu, isikuandmete ja privaatsuse kaitsmine digikeskkondade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Füüsilise ja psühholoogilise tervise kaitsmine ning teadlik olemine digitehnoloogiatest sotsiaalse heaolu ja sotsiaalse kaasatuse tagamisel.</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ursis olemine digitehnoloogiate ja nende kasutamise keskkonnamõjudeg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highlight>
                            <a:srgbClr val="00FF00"/>
                          </a:highligh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Õppijatele tutvustatakse neid pädevusi kõigi kuue mooduli jooksul.</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6. moodul – õppijad omandavad teadmisi digitehnoloogiate ohutu kasutamise kohta ja selle kohta, kuidas neid kõige paremini oma DKO projekti edendamiseks kasutad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1671931227"/>
                  </a:ext>
                </a:extLst>
              </a:tr>
            </a:tbl>
          </a:graphicData>
        </a:graphic>
      </p:graphicFrame>
      <p:cxnSp>
        <p:nvCxnSpPr>
          <p:cNvPr id="3" name="Straight Connector 2">
            <a:extLst>
              <a:ext uri="{FF2B5EF4-FFF2-40B4-BE49-F238E27FC236}">
                <a16:creationId xmlns:a16="http://schemas.microsoft.com/office/drawing/2014/main" id="{D017C38D-7B45-0884-71AF-6A33941016AE}"/>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134FB7AC-B750-D9F1-4DA1-DC23B56F3C85}"/>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2791746375"/>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4">
            <a:extLst>
              <a:ext uri="{FF2B5EF4-FFF2-40B4-BE49-F238E27FC236}">
                <a16:creationId xmlns:a16="http://schemas.microsoft.com/office/drawing/2014/main" id="{4E110D58-2C53-5B4F-97A8-4814C18CF76F}"/>
              </a:ext>
            </a:extLst>
          </p:cNvPr>
          <p:cNvGraphicFramePr>
            <a:graphicFrameLocks noGrp="1"/>
          </p:cNvGraphicFramePr>
          <p:nvPr>
            <p:extLst>
              <p:ext uri="{D42A27DB-BD31-4B8C-83A1-F6EECF244321}">
                <p14:modId xmlns:p14="http://schemas.microsoft.com/office/powerpoint/2010/main" val="1085517474"/>
              </p:ext>
            </p:extLst>
          </p:nvPr>
        </p:nvGraphicFramePr>
        <p:xfrm>
          <a:off x="503238" y="609862"/>
          <a:ext cx="6533982" cy="3391920"/>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74400">
                <a:tc>
                  <a:txBody>
                    <a:bodyPr/>
                    <a:lstStyle/>
                    <a:p>
                      <a:pPr algn="ctr"/>
                      <a:r>
                        <a:rPr lang="et-EE" sz="1488" b="1" kern="1200">
                          <a:solidFill>
                            <a:schemeClr val="lt1"/>
                          </a:solidFill>
                          <a:effectLst/>
                          <a:latin typeface="+mn-lt"/>
                          <a:ea typeface="+mn-ea"/>
                          <a:cs typeface="+mn-cs"/>
                        </a:rPr>
                        <a:t>Kompetentsid</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t-EE" sz="1488" b="1" kern="1200">
                          <a:solidFill>
                            <a:schemeClr val="lt1"/>
                          </a:solidFill>
                          <a:effectLst/>
                          <a:latin typeface="+mn-lt"/>
                          <a:ea typeface="+mn-ea"/>
                          <a:cs typeface="+mn-cs"/>
                        </a:rPr>
                        <a:t>Vihjed</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t-EE" sz="1488" b="1" kern="1200">
                          <a:solidFill>
                            <a:schemeClr val="lt1"/>
                          </a:solidFill>
                          <a:effectLst/>
                          <a:latin typeface="+mn-lt"/>
                          <a:ea typeface="+mn-ea"/>
                          <a:cs typeface="+mn-cs"/>
                        </a:rPr>
                        <a:t>Kirjeldused</a:t>
                      </a:r>
                      <a:r>
                        <a:rPr lang="en-LB">
                          <a:effectLst/>
                        </a:rPr>
                        <a:t> </a:t>
                      </a:r>
                      <a:r>
                        <a:rPr lang="en-RU" dirty="0">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374400">
                <a:tc>
                  <a:txBody>
                    <a:bodyPr/>
                    <a:lstStyle/>
                    <a:p>
                      <a:r>
                        <a:rPr lang="et-EE" sz="1100" b="1">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Probleemi lahendamine</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Vajaduste ja probleemide väljaselgitamine ning kontseptuaalsete probleemide ja probleemsituatsioonide lahendamine digikeskkondade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Digivahendite kasutamine protsesside ja toodete innovatsiooni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Kursis olemine digiarenguteg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1. moodul – õppijatele tutvustatakse digitaalse kodanikuosaluse kontseptsiooni ning seda, kuidas kogukonna probleeme ära tunda ja neile lahendusi leid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2. moodul – õppijatele tutvustatakse mitmeid töövahendeid ja ressursse, mis aitavad kogukonna probleeme ära tunda ja nendega tegeleda.</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 </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p>
                      <a:r>
                        <a:rPr lang="et-EE"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rPr>
                        <a:t>4. moodul – selles moodulis avastavad õppijad, kuidas luua meeskonda, et lahendada ühiskondlike probleeme oma kogukonnas.</a:t>
                      </a:r>
                      <a:endParaRPr lang="en-LB" sz="1100">
                        <a:solidFill>
                          <a:srgbClr val="23385C"/>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3384144239"/>
                  </a:ext>
                </a:extLst>
              </a:tr>
            </a:tbl>
          </a:graphicData>
        </a:graphic>
      </p:graphicFrame>
      <p:sp>
        <p:nvSpPr>
          <p:cNvPr id="6" name="Text Placeholder 3">
            <a:extLst>
              <a:ext uri="{FF2B5EF4-FFF2-40B4-BE49-F238E27FC236}">
                <a16:creationId xmlns:a16="http://schemas.microsoft.com/office/drawing/2014/main" id="{EB822416-8960-D547-9DF3-09BD3F0E04DB}"/>
              </a:ext>
            </a:extLst>
          </p:cNvPr>
          <p:cNvSpPr txBox="1">
            <a:spLocks/>
          </p:cNvSpPr>
          <p:nvPr/>
        </p:nvSpPr>
        <p:spPr>
          <a:xfrm>
            <a:off x="522456" y="4045677"/>
            <a:ext cx="6533982" cy="5788134"/>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b="1" i="1" dirty="0"/>
              <a:t>4.e Avatud õppevara pedagoogiline kasutamine </a:t>
            </a:r>
            <a:endParaRPr lang="en-RU" b="1" i="1" dirty="0"/>
          </a:p>
          <a:p>
            <a:r>
              <a:rPr lang="et-EE"/>
              <a:t>DKO avatud õppematerjalid on loodud selleks, et õpetajad ja haridustöötajad saaksid neid vabalt kasutada. Mõned näited nende kasutamisest on järgmised:</a:t>
            </a:r>
            <a:endParaRPr lang="en-LB"/>
          </a:p>
          <a:p>
            <a:endParaRPr lang="en-GB" dirty="0"/>
          </a:p>
          <a:p>
            <a:r>
              <a:rPr lang="en-GB" dirty="0"/>
              <a:t>	</a:t>
            </a:r>
            <a:r>
              <a:rPr lang="et-EE"/>
              <a:t>Avatud õppematerjalide kasutamine eraldiseisvana õppetöös</a:t>
            </a:r>
            <a:endParaRPr lang="en-GB" dirty="0"/>
          </a:p>
          <a:p>
            <a:r>
              <a:rPr lang="en-GB" dirty="0"/>
              <a:t>	</a:t>
            </a:r>
            <a:r>
              <a:rPr lang="et-EE"/>
              <a:t>Lisage olemasolevatele avatud õppematerjalidele oma sisu ja näiteid</a:t>
            </a:r>
            <a:endParaRPr lang="en-GB" dirty="0"/>
          </a:p>
          <a:p>
            <a:r>
              <a:rPr lang="en-GB" dirty="0"/>
              <a:t>	</a:t>
            </a:r>
            <a:r>
              <a:rPr lang="et-EE"/>
              <a:t>Nende kasutamine õppetöös sisuga töötamiseks ja uurimiseks</a:t>
            </a:r>
            <a:endParaRPr lang="en-GB" dirty="0"/>
          </a:p>
          <a:p>
            <a:pPr lvl="0"/>
            <a:r>
              <a:rPr lang="en-GB" dirty="0"/>
              <a:t>	</a:t>
            </a:r>
            <a:r>
              <a:rPr lang="et-EE"/>
              <a:t>Laske õppijatel iseseisvalt avatud õppematerjalidega töötada, et saavutada paremaid tulemusi 	"klassis"</a:t>
            </a:r>
            <a:r>
              <a:rPr lang="en-GB" dirty="0"/>
              <a:t> </a:t>
            </a:r>
          </a:p>
          <a:p>
            <a:r>
              <a:rPr lang="et-EE"/>
              <a:t>Avatud õppematerjalide kasutajad kõrgkoolides peaksid kaaluma vähemalt materjalide kasutamist vabaainete (üliõpilaste juhitud või õpetajate juhitud), kohustuslike ainete (olemasoleva õppekava osa) või õppekavaväliste tegevuste (täiendusõpe või elukestev õpe) raames õppides.</a:t>
            </a:r>
            <a:endParaRPr lang="en-LB"/>
          </a:p>
          <a:p>
            <a:r>
              <a:rPr lang="et-EE"/>
              <a:t> </a:t>
            </a:r>
            <a:endParaRPr lang="en-LB"/>
          </a:p>
          <a:p>
            <a:r>
              <a:rPr lang="et-EE"/>
              <a:t>Oluline on mõista, et avatud õppematerjale saab integreerida olemasolevatesse õppekavadesse, milleks on vaja veenda õpejõude oma kursusi, sealhulgas õppekavasid, õppijate ja õppejõudude enda töökoormust, tegevusi ja hinnanguid ümber kujundama. Antud projekti tulemused peaksid muutustele vastuseisu vähendama.</a:t>
            </a:r>
            <a:endParaRPr lang="en-LB"/>
          </a:p>
          <a:p>
            <a:r>
              <a:rPr lang="en-GB" dirty="0"/>
              <a:t> </a:t>
            </a:r>
            <a:endParaRPr lang="en-RU" dirty="0"/>
          </a:p>
        </p:txBody>
      </p:sp>
      <p:sp>
        <p:nvSpPr>
          <p:cNvPr id="7" name="Freeform 6">
            <a:extLst>
              <a:ext uri="{FF2B5EF4-FFF2-40B4-BE49-F238E27FC236}">
                <a16:creationId xmlns:a16="http://schemas.microsoft.com/office/drawing/2014/main" id="{5B657AD0-C707-0B43-A266-77383D65D1C3}"/>
              </a:ext>
            </a:extLst>
          </p:cNvPr>
          <p:cNvSpPr/>
          <p:nvPr/>
        </p:nvSpPr>
        <p:spPr>
          <a:xfrm>
            <a:off x="381979" y="4056601"/>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10" name="Freeform 9">
            <a:extLst>
              <a:ext uri="{FF2B5EF4-FFF2-40B4-BE49-F238E27FC236}">
                <a16:creationId xmlns:a16="http://schemas.microsoft.com/office/drawing/2014/main" id="{6594DDB8-50B5-C24B-891B-64FAA639E9EF}"/>
              </a:ext>
            </a:extLst>
          </p:cNvPr>
          <p:cNvSpPr/>
          <p:nvPr/>
        </p:nvSpPr>
        <p:spPr>
          <a:xfrm>
            <a:off x="1148098" y="495864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F26B4D"/>
          </a:solidFill>
          <a:ln w="8971" cap="flat">
            <a:noFill/>
            <a:prstDash val="solid"/>
            <a:miter/>
          </a:ln>
        </p:spPr>
        <p:txBody>
          <a:bodyPr rtlCol="0" anchor="ctr"/>
          <a:lstStyle/>
          <a:p>
            <a:endParaRPr lang="en-RU"/>
          </a:p>
        </p:txBody>
      </p:sp>
      <p:sp>
        <p:nvSpPr>
          <p:cNvPr id="11" name="Freeform 10">
            <a:extLst>
              <a:ext uri="{FF2B5EF4-FFF2-40B4-BE49-F238E27FC236}">
                <a16:creationId xmlns:a16="http://schemas.microsoft.com/office/drawing/2014/main" id="{6B23DF34-E3AD-674B-A920-EF9A2D226788}"/>
              </a:ext>
            </a:extLst>
          </p:cNvPr>
          <p:cNvSpPr/>
          <p:nvPr/>
        </p:nvSpPr>
        <p:spPr>
          <a:xfrm>
            <a:off x="1148098" y="5214017"/>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F26B4D"/>
          </a:solidFill>
          <a:ln w="8971" cap="flat">
            <a:noFill/>
            <a:prstDash val="solid"/>
            <a:miter/>
          </a:ln>
        </p:spPr>
        <p:txBody>
          <a:bodyPr rtlCol="0" anchor="ctr"/>
          <a:lstStyle/>
          <a:p>
            <a:endParaRPr lang="en-RU"/>
          </a:p>
        </p:txBody>
      </p:sp>
      <p:sp>
        <p:nvSpPr>
          <p:cNvPr id="12" name="Freeform 11">
            <a:extLst>
              <a:ext uri="{FF2B5EF4-FFF2-40B4-BE49-F238E27FC236}">
                <a16:creationId xmlns:a16="http://schemas.microsoft.com/office/drawing/2014/main" id="{B4C4D391-D8BD-D943-93E2-8DA678A6F1D5}"/>
              </a:ext>
            </a:extLst>
          </p:cNvPr>
          <p:cNvSpPr/>
          <p:nvPr/>
        </p:nvSpPr>
        <p:spPr>
          <a:xfrm>
            <a:off x="1148098" y="5469390"/>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F26B4D"/>
          </a:solid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FF714E1C-C1BC-BB4B-9BAB-D79F3CF49784}"/>
              </a:ext>
            </a:extLst>
          </p:cNvPr>
          <p:cNvSpPr/>
          <p:nvPr/>
        </p:nvSpPr>
        <p:spPr>
          <a:xfrm>
            <a:off x="1148098" y="572476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F26B4D"/>
          </a:solidFill>
          <a:ln w="8971" cap="flat">
            <a:noFill/>
            <a:prstDash val="solid"/>
            <a:miter/>
          </a:ln>
        </p:spPr>
        <p:txBody>
          <a:bodyPr rtlCol="0" anchor="ctr"/>
          <a:lstStyle/>
          <a:p>
            <a:endParaRPr lang="en-RU"/>
          </a:p>
        </p:txBody>
      </p:sp>
      <p:sp>
        <p:nvSpPr>
          <p:cNvPr id="15" name="Rectangle 14">
            <a:extLst>
              <a:ext uri="{FF2B5EF4-FFF2-40B4-BE49-F238E27FC236}">
                <a16:creationId xmlns:a16="http://schemas.microsoft.com/office/drawing/2014/main" id="{A693DE8C-1B85-604C-93A0-EA05504D6124}"/>
              </a:ext>
            </a:extLst>
          </p:cNvPr>
          <p:cNvSpPr/>
          <p:nvPr/>
        </p:nvSpPr>
        <p:spPr>
          <a:xfrm>
            <a:off x="0" y="7828903"/>
            <a:ext cx="7559675" cy="2301164"/>
          </a:xfrm>
          <a:prstGeom prst="rect">
            <a:avLst/>
          </a:prstGeom>
          <a:blipFill>
            <a:blip r:embed="rId2" cstate="email">
              <a:extLst>
                <a:ext uri="{28A0092B-C50C-407E-A947-70E740481C1C}">
                  <a14:useLocalDpi xmlns:a14="http://schemas.microsoft.com/office/drawing/2010/main"/>
                </a:ext>
              </a:extLst>
            </a:blip>
            <a:srcRect/>
            <a:stretch>
              <a:fillRect t="-11596" b="-107414"/>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3" name="Straight Connector 2">
            <a:extLst>
              <a:ext uri="{FF2B5EF4-FFF2-40B4-BE49-F238E27FC236}">
                <a16:creationId xmlns:a16="http://schemas.microsoft.com/office/drawing/2014/main" id="{5358A65E-7C14-3BC0-C734-CF166A0EB5BD}"/>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77AF7793-A3ED-19CB-E4B0-3C04108DCF3B}"/>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316507233"/>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 name="Picture Placeholder 14">
            <a:extLst>
              <a:ext uri="{FF2B5EF4-FFF2-40B4-BE49-F238E27FC236}">
                <a16:creationId xmlns:a16="http://schemas.microsoft.com/office/drawing/2014/main" id="{C38D76DE-BD45-FB42-A4CC-02A56136EF32}"/>
              </a:ext>
            </a:extLst>
          </p:cNvPr>
          <p:cNvPicPr>
            <a:picLocks noGrp="1" noChangeAspect="1"/>
          </p:cNvPicPr>
          <p:nvPr>
            <p:ph type="pic" sz="quarter" idx="33"/>
          </p:nvPr>
        </p:nvPicPr>
        <p:blipFill>
          <a:blip r:embed="rId2" cstate="email">
            <a:extLst>
              <a:ext uri="{28A0092B-C50C-407E-A947-70E740481C1C}">
                <a14:useLocalDpi xmlns:a14="http://schemas.microsoft.com/office/drawing/2010/main"/>
              </a:ext>
            </a:extLst>
          </a:blip>
          <a:srcRect l="207" r="207"/>
          <a:stretch>
            <a:fillRect/>
          </a:stretch>
        </p:blipFill>
        <p:spPr/>
      </p:pic>
      <p:pic>
        <p:nvPicPr>
          <p:cNvPr id="17" name="Picture Placeholder 16">
            <a:extLst>
              <a:ext uri="{FF2B5EF4-FFF2-40B4-BE49-F238E27FC236}">
                <a16:creationId xmlns:a16="http://schemas.microsoft.com/office/drawing/2014/main" id="{4A66EF95-EACC-CD4F-9891-1697BBC17DE5}"/>
              </a:ext>
            </a:extLst>
          </p:cNvPr>
          <p:cNvPicPr>
            <a:picLocks noGrp="1" noChangeAspect="1"/>
          </p:cNvPicPr>
          <p:nvPr>
            <p:ph type="pic" sz="quarter" idx="34"/>
          </p:nvPr>
        </p:nvPicPr>
        <p:blipFill rotWithShape="1">
          <a:blip r:embed="rId3" cstate="email">
            <a:extLst>
              <a:ext uri="{28A0092B-C50C-407E-A947-70E740481C1C}">
                <a14:useLocalDpi xmlns:a14="http://schemas.microsoft.com/office/drawing/2010/main"/>
              </a:ext>
            </a:extLst>
          </a:blip>
          <a:srcRect l="26200" t="9545" r="34010" b="649"/>
          <a:stretch/>
        </p:blipFill>
        <p:spPr>
          <a:xfrm>
            <a:off x="4879975" y="6075363"/>
            <a:ext cx="2166937" cy="3263900"/>
          </a:xfrm>
        </p:spPr>
      </p:pic>
      <p:sp>
        <p:nvSpPr>
          <p:cNvPr id="5" name="Text Placeholder 4">
            <a:extLst>
              <a:ext uri="{FF2B5EF4-FFF2-40B4-BE49-F238E27FC236}">
                <a16:creationId xmlns:a16="http://schemas.microsoft.com/office/drawing/2014/main" id="{2E2E29AE-982C-3549-88DA-1B99B82AADEE}"/>
              </a:ext>
            </a:extLst>
          </p:cNvPr>
          <p:cNvSpPr>
            <a:spLocks noGrp="1"/>
          </p:cNvSpPr>
          <p:nvPr>
            <p:ph type="body" sz="quarter" idx="14"/>
          </p:nvPr>
        </p:nvSpPr>
        <p:spPr/>
        <p:txBody>
          <a:bodyPr/>
          <a:lstStyle/>
          <a:p>
            <a:pPr lvl="0"/>
            <a:r>
              <a:rPr lang="et-EE"/>
              <a:t>Digitaalse kodanikuosaluse projektist saab uute või olemasolevate programmide eraldiseisev moodul</a:t>
            </a:r>
            <a:endParaRPr lang="en-LB"/>
          </a:p>
        </p:txBody>
      </p:sp>
      <p:sp>
        <p:nvSpPr>
          <p:cNvPr id="6" name="Text Placeholder 5">
            <a:extLst>
              <a:ext uri="{FF2B5EF4-FFF2-40B4-BE49-F238E27FC236}">
                <a16:creationId xmlns:a16="http://schemas.microsoft.com/office/drawing/2014/main" id="{33C3D9A6-3D09-0B48-AE65-2C075E50BCAD}"/>
              </a:ext>
            </a:extLst>
          </p:cNvPr>
          <p:cNvSpPr>
            <a:spLocks noGrp="1"/>
          </p:cNvSpPr>
          <p:nvPr>
            <p:ph type="body" sz="quarter" idx="35"/>
          </p:nvPr>
        </p:nvSpPr>
        <p:spPr/>
        <p:txBody>
          <a:bodyPr/>
          <a:lstStyle/>
          <a:p>
            <a:pPr lvl="0"/>
            <a:r>
              <a:rPr lang="et-EE"/>
              <a:t>Digitaalse kodanikuosaluse projekt võetakse kasutusele õppekava olemasoleva mooduli raames</a:t>
            </a:r>
            <a:endParaRPr lang="en-LB"/>
          </a:p>
        </p:txBody>
      </p:sp>
      <p:sp>
        <p:nvSpPr>
          <p:cNvPr id="7" name="Text Placeholder 6">
            <a:extLst>
              <a:ext uri="{FF2B5EF4-FFF2-40B4-BE49-F238E27FC236}">
                <a16:creationId xmlns:a16="http://schemas.microsoft.com/office/drawing/2014/main" id="{9AF4D326-6025-9F44-B421-3726240F492C}"/>
              </a:ext>
            </a:extLst>
          </p:cNvPr>
          <p:cNvSpPr>
            <a:spLocks noGrp="1"/>
          </p:cNvSpPr>
          <p:nvPr>
            <p:ph type="body" sz="quarter" idx="36"/>
          </p:nvPr>
        </p:nvSpPr>
        <p:spPr/>
        <p:txBody>
          <a:bodyPr/>
          <a:lstStyle/>
          <a:p>
            <a:pPr lvl="0"/>
            <a:r>
              <a:rPr lang="et-EE"/>
              <a:t>Digitaalse kodanikuosaluse projekt võetakse kasutusele olemasoleva haridusalase pädevuse hindamise mooduli raames</a:t>
            </a:r>
            <a:endParaRPr lang="en-LB"/>
          </a:p>
        </p:txBody>
      </p:sp>
      <p:sp>
        <p:nvSpPr>
          <p:cNvPr id="8" name="Text Placeholder 7">
            <a:extLst>
              <a:ext uri="{FF2B5EF4-FFF2-40B4-BE49-F238E27FC236}">
                <a16:creationId xmlns:a16="http://schemas.microsoft.com/office/drawing/2014/main" id="{36FAB10D-704E-2D4D-A08E-C0BB48E93F93}"/>
              </a:ext>
            </a:extLst>
          </p:cNvPr>
          <p:cNvSpPr>
            <a:spLocks noGrp="1"/>
          </p:cNvSpPr>
          <p:nvPr>
            <p:ph type="body" sz="quarter" idx="37"/>
          </p:nvPr>
        </p:nvSpPr>
        <p:spPr/>
        <p:txBody>
          <a:bodyPr/>
          <a:lstStyle/>
          <a:p>
            <a:pPr lvl="0"/>
            <a:r>
              <a:rPr lang="et-EE"/>
              <a:t>Digitaalse kodanikuosaluse projekt võetakse kasutusele osaliselt. </a:t>
            </a:r>
            <a:endParaRPr lang="en-LB"/>
          </a:p>
        </p:txBody>
      </p:sp>
      <p:sp>
        <p:nvSpPr>
          <p:cNvPr id="9" name="Text Placeholder 8">
            <a:extLst>
              <a:ext uri="{FF2B5EF4-FFF2-40B4-BE49-F238E27FC236}">
                <a16:creationId xmlns:a16="http://schemas.microsoft.com/office/drawing/2014/main" id="{477FBA85-09FD-7B42-B3B0-8632FD768438}"/>
              </a:ext>
            </a:extLst>
          </p:cNvPr>
          <p:cNvSpPr>
            <a:spLocks noGrp="1"/>
          </p:cNvSpPr>
          <p:nvPr>
            <p:ph type="body" sz="quarter" idx="38"/>
          </p:nvPr>
        </p:nvSpPr>
        <p:spPr/>
        <p:txBody>
          <a:bodyPr/>
          <a:lstStyle/>
          <a:p>
            <a:r>
              <a:rPr lang="et-EE"/>
              <a:t>Digitaalse kodanikuosaluse (DKO) integreerimiseks kõrgkoolidesse tuleks kaaluda erinevaid kasutuselevõtu kontekste.</a:t>
            </a:r>
            <a:endParaRPr lang="en-LB"/>
          </a:p>
          <a:p>
            <a:endParaRPr lang="en-RU" dirty="0"/>
          </a:p>
        </p:txBody>
      </p:sp>
      <p:sp>
        <p:nvSpPr>
          <p:cNvPr id="10" name="Text Placeholder 9">
            <a:extLst>
              <a:ext uri="{FF2B5EF4-FFF2-40B4-BE49-F238E27FC236}">
                <a16:creationId xmlns:a16="http://schemas.microsoft.com/office/drawing/2014/main" id="{59C5C4F8-B3C8-7D49-911F-0287072BE36C}"/>
              </a:ext>
            </a:extLst>
          </p:cNvPr>
          <p:cNvSpPr>
            <a:spLocks noGrp="1"/>
          </p:cNvSpPr>
          <p:nvPr>
            <p:ph type="body" sz="quarter" idx="39"/>
          </p:nvPr>
        </p:nvSpPr>
        <p:spPr>
          <a:xfrm>
            <a:off x="510427" y="6057051"/>
            <a:ext cx="3347945" cy="601684"/>
          </a:xfrm>
        </p:spPr>
        <p:txBody>
          <a:bodyPr/>
          <a:lstStyle/>
          <a:p>
            <a:r>
              <a:rPr lang="et-EE"/>
              <a:t>Kaaluda võiks erinevaid võimalusi:</a:t>
            </a:r>
            <a:endParaRPr lang="en-LB"/>
          </a:p>
          <a:p>
            <a:endParaRPr lang="en-RU" dirty="0"/>
          </a:p>
        </p:txBody>
      </p:sp>
      <p:sp>
        <p:nvSpPr>
          <p:cNvPr id="11" name="Text Placeholder 10">
            <a:extLst>
              <a:ext uri="{FF2B5EF4-FFF2-40B4-BE49-F238E27FC236}">
                <a16:creationId xmlns:a16="http://schemas.microsoft.com/office/drawing/2014/main" id="{8156F42E-BEF5-234B-9764-4C22F14B1653}"/>
              </a:ext>
            </a:extLst>
          </p:cNvPr>
          <p:cNvSpPr>
            <a:spLocks noGrp="1"/>
          </p:cNvSpPr>
          <p:nvPr>
            <p:ph type="body" sz="quarter" idx="40"/>
          </p:nvPr>
        </p:nvSpPr>
        <p:spPr/>
        <p:txBody>
          <a:bodyPr/>
          <a:lstStyle/>
          <a:p>
            <a:r>
              <a:rPr lang="et-EE"/>
              <a:t>Digitaalne kodanikuosalus kui kursus lähiõppes</a:t>
            </a:r>
            <a:r>
              <a:rPr lang="en-LB">
                <a:effectLst/>
              </a:rPr>
              <a:t> </a:t>
            </a:r>
            <a:endParaRPr lang="en-RU" dirty="0"/>
          </a:p>
        </p:txBody>
      </p:sp>
      <p:sp>
        <p:nvSpPr>
          <p:cNvPr id="12" name="Text Placeholder 11">
            <a:extLst>
              <a:ext uri="{FF2B5EF4-FFF2-40B4-BE49-F238E27FC236}">
                <a16:creationId xmlns:a16="http://schemas.microsoft.com/office/drawing/2014/main" id="{C8A94603-A9D7-804C-8559-8F313AA8968D}"/>
              </a:ext>
            </a:extLst>
          </p:cNvPr>
          <p:cNvSpPr>
            <a:spLocks noGrp="1"/>
          </p:cNvSpPr>
          <p:nvPr>
            <p:ph type="body" sz="quarter" idx="41"/>
          </p:nvPr>
        </p:nvSpPr>
        <p:spPr/>
        <p:txBody>
          <a:bodyPr/>
          <a:lstStyle/>
          <a:p>
            <a:r>
              <a:rPr lang="et-EE"/>
              <a:t>Digitaalne kodanikuosalus veebikomponendina põimõppes</a:t>
            </a:r>
            <a:r>
              <a:rPr lang="en-LB">
                <a:effectLst/>
              </a:rPr>
              <a:t> </a:t>
            </a:r>
            <a:endParaRPr lang="en-RU" dirty="0"/>
          </a:p>
        </p:txBody>
      </p:sp>
      <p:sp>
        <p:nvSpPr>
          <p:cNvPr id="13" name="Text Placeholder 12">
            <a:extLst>
              <a:ext uri="{FF2B5EF4-FFF2-40B4-BE49-F238E27FC236}">
                <a16:creationId xmlns:a16="http://schemas.microsoft.com/office/drawing/2014/main" id="{9A95F633-FB7F-0947-ACF6-9642A344142E}"/>
              </a:ext>
            </a:extLst>
          </p:cNvPr>
          <p:cNvSpPr>
            <a:spLocks noGrp="1"/>
          </p:cNvSpPr>
          <p:nvPr>
            <p:ph type="body" sz="quarter" idx="42"/>
          </p:nvPr>
        </p:nvSpPr>
        <p:spPr/>
        <p:txBody>
          <a:bodyPr/>
          <a:lstStyle/>
          <a:p>
            <a:r>
              <a:rPr lang="et-EE"/>
              <a:t>Digitaalne kodanikuosalus veebiõppena</a:t>
            </a:r>
            <a:r>
              <a:rPr lang="en-LB">
                <a:effectLst/>
              </a:rPr>
              <a:t> </a:t>
            </a:r>
            <a:endParaRPr lang="en-RU" dirty="0"/>
          </a:p>
        </p:txBody>
      </p:sp>
      <p:pic>
        <p:nvPicPr>
          <p:cNvPr id="18" name="Picture 17" descr="Icon&#10;&#10;Description automatically generated">
            <a:extLst>
              <a:ext uri="{FF2B5EF4-FFF2-40B4-BE49-F238E27FC236}">
                <a16:creationId xmlns:a16="http://schemas.microsoft.com/office/drawing/2014/main" id="{427D510B-FFD3-1445-AE00-42B86152B15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r="67058" b="31977"/>
          <a:stretch/>
        </p:blipFill>
        <p:spPr>
          <a:xfrm flipH="1">
            <a:off x="2246675" y="4457443"/>
            <a:ext cx="1503480" cy="1498600"/>
          </a:xfrm>
          <a:prstGeom prst="rect">
            <a:avLst/>
          </a:prstGeom>
        </p:spPr>
      </p:pic>
      <p:cxnSp>
        <p:nvCxnSpPr>
          <p:cNvPr id="2" name="Straight Connector 1">
            <a:extLst>
              <a:ext uri="{FF2B5EF4-FFF2-40B4-BE49-F238E27FC236}">
                <a16:creationId xmlns:a16="http://schemas.microsoft.com/office/drawing/2014/main" id="{324DA259-0C5B-B88D-4753-68112A1264C9}"/>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5C3002A3-06FA-58CA-485D-3B0A2FF49AD9}"/>
              </a:ext>
            </a:extLst>
          </p:cNvPr>
          <p:cNvSpPr>
            <a:spLocks noGrp="1"/>
          </p:cNvSpPr>
          <p:nvPr>
            <p:ph type="body" sz="quarter" idx="32" hasCustomPrompt="1"/>
          </p:nvPr>
        </p:nvSpPr>
        <p:spPr>
          <a:xfrm>
            <a:off x="1773598" y="10175681"/>
            <a:ext cx="4718277"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r>
              <a:rPr lang="et-EE" b="1"/>
              <a:t>Pedagoogiline juhend digitaalse kodanikuosaluse õpetamiseks (IO3)</a:t>
            </a:r>
            <a:endParaRPr lang="en-LB"/>
          </a:p>
        </p:txBody>
      </p:sp>
    </p:spTree>
    <p:extLst>
      <p:ext uri="{BB962C8B-B14F-4D97-AF65-F5344CB8AC3E}">
        <p14:creationId xmlns:p14="http://schemas.microsoft.com/office/powerpoint/2010/main" val="463572036"/>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Placeholder 4">
            <a:extLst>
              <a:ext uri="{FF2B5EF4-FFF2-40B4-BE49-F238E27FC236}">
                <a16:creationId xmlns:a16="http://schemas.microsoft.com/office/drawing/2014/main" id="{01B8A158-AE98-4A4E-9AF9-B723DB35CBD6}"/>
              </a:ext>
            </a:extLst>
          </p:cNvPr>
          <p:cNvPicPr>
            <a:picLocks noGrp="1" noChangeAspect="1"/>
          </p:cNvPicPr>
          <p:nvPr>
            <p:ph type="pic" sz="quarter" idx="10"/>
          </p:nvPr>
        </p:nvPicPr>
        <p:blipFill>
          <a:blip r:embed="rId2" cstate="email">
            <a:extLst>
              <a:ext uri="{28A0092B-C50C-407E-A947-70E740481C1C}">
                <a14:useLocalDpi xmlns:a14="http://schemas.microsoft.com/office/drawing/2010/main"/>
              </a:ext>
            </a:extLst>
          </a:blip>
          <a:srcRect t="7454" b="7454"/>
          <a:stretch>
            <a:fillRect/>
          </a:stretch>
        </p:blipFill>
        <p:spPr/>
      </p:pic>
      <p:sp>
        <p:nvSpPr>
          <p:cNvPr id="3" name="Text Placeholder 2">
            <a:extLst>
              <a:ext uri="{FF2B5EF4-FFF2-40B4-BE49-F238E27FC236}">
                <a16:creationId xmlns:a16="http://schemas.microsoft.com/office/drawing/2014/main" id="{55BC8EA0-A0FB-1E41-B42C-604D6BFA6FB2}"/>
              </a:ext>
            </a:extLst>
          </p:cNvPr>
          <p:cNvSpPr>
            <a:spLocks noGrp="1"/>
          </p:cNvSpPr>
          <p:nvPr>
            <p:ph type="body" sz="quarter" idx="14"/>
          </p:nvPr>
        </p:nvSpPr>
        <p:spPr/>
        <p:txBody>
          <a:bodyPr/>
          <a:lstStyle/>
          <a:p>
            <a:r>
              <a:rPr lang="en-RU" b="1" dirty="0"/>
              <a:t>05.	</a:t>
            </a:r>
            <a:r>
              <a:rPr lang="en-US" b="1" dirty="0"/>
              <a:t>KASULIKUD LINGID </a:t>
            </a:r>
            <a:endParaRPr lang="en-RU" b="1" dirty="0"/>
          </a:p>
        </p:txBody>
      </p:sp>
      <p:grpSp>
        <p:nvGrpSpPr>
          <p:cNvPr id="17" name="Graphic 7">
            <a:extLst>
              <a:ext uri="{FF2B5EF4-FFF2-40B4-BE49-F238E27FC236}">
                <a16:creationId xmlns:a16="http://schemas.microsoft.com/office/drawing/2014/main" id="{FB325235-6444-2D4F-9D62-891E357E71B4}"/>
              </a:ext>
            </a:extLst>
          </p:cNvPr>
          <p:cNvGrpSpPr/>
          <p:nvPr/>
        </p:nvGrpSpPr>
        <p:grpSpPr>
          <a:xfrm>
            <a:off x="6095054" y="3072527"/>
            <a:ext cx="800048" cy="208517"/>
            <a:chOff x="63925" y="4378813"/>
            <a:chExt cx="7430837" cy="1936702"/>
          </a:xfrm>
          <a:solidFill>
            <a:schemeClr val="bg1"/>
          </a:solidFill>
        </p:grpSpPr>
        <p:sp>
          <p:nvSpPr>
            <p:cNvPr id="18" name="Freeform 17">
              <a:extLst>
                <a:ext uri="{FF2B5EF4-FFF2-40B4-BE49-F238E27FC236}">
                  <a16:creationId xmlns:a16="http://schemas.microsoft.com/office/drawing/2014/main" id="{87061633-620D-8E41-A091-26D71B99B483}"/>
                </a:ext>
              </a:extLst>
            </p:cNvPr>
            <p:cNvSpPr/>
            <p:nvPr/>
          </p:nvSpPr>
          <p:spPr>
            <a:xfrm>
              <a:off x="63925"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014" y="805716"/>
                    <a:pt x="0" y="625111"/>
                    <a:pt x="0" y="402723"/>
                  </a:cubicBezTo>
                  <a:cubicBezTo>
                    <a:pt x="0" y="180336"/>
                    <a:pt x="180014" y="0"/>
                    <a:pt x="402494" y="0"/>
                  </a:cubicBezTo>
                  <a:cubicBezTo>
                    <a:pt x="624795" y="0"/>
                    <a:pt x="804899" y="180336"/>
                    <a:pt x="804899" y="402723"/>
                  </a:cubicBezTo>
                </a:path>
              </a:pathLst>
            </a:custGeom>
            <a:grpFill/>
            <a:ln w="8971" cap="flat">
              <a:noFill/>
              <a:prstDash val="solid"/>
              <a:miter/>
            </a:ln>
          </p:spPr>
          <p:txBody>
            <a:bodyPr rtlCol="0" anchor="ctr"/>
            <a:lstStyle/>
            <a:p>
              <a:endParaRPr lang="en-RU"/>
            </a:p>
          </p:txBody>
        </p:sp>
        <p:sp>
          <p:nvSpPr>
            <p:cNvPr id="19" name="Freeform 18">
              <a:extLst>
                <a:ext uri="{FF2B5EF4-FFF2-40B4-BE49-F238E27FC236}">
                  <a16:creationId xmlns:a16="http://schemas.microsoft.com/office/drawing/2014/main" id="{9F2EA8D9-5D81-4645-817A-95D37F827B77}"/>
                </a:ext>
              </a:extLst>
            </p:cNvPr>
            <p:cNvSpPr/>
            <p:nvPr/>
          </p:nvSpPr>
          <p:spPr>
            <a:xfrm>
              <a:off x="1519117"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283" y="805716"/>
                    <a:pt x="0" y="625111"/>
                    <a:pt x="0" y="402723"/>
                  </a:cubicBezTo>
                  <a:cubicBezTo>
                    <a:pt x="0" y="180336"/>
                    <a:pt x="180283" y="0"/>
                    <a:pt x="402494"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20" name="Freeform 19">
              <a:extLst>
                <a:ext uri="{FF2B5EF4-FFF2-40B4-BE49-F238E27FC236}">
                  <a16:creationId xmlns:a16="http://schemas.microsoft.com/office/drawing/2014/main" id="{310A605A-CE6C-F447-AF05-13DBCDC3A9A7}"/>
                </a:ext>
              </a:extLst>
            </p:cNvPr>
            <p:cNvSpPr/>
            <p:nvPr/>
          </p:nvSpPr>
          <p:spPr>
            <a:xfrm>
              <a:off x="2974220" y="4378813"/>
              <a:ext cx="805078" cy="805716"/>
            </a:xfrm>
            <a:custGeom>
              <a:avLst/>
              <a:gdLst>
                <a:gd name="connsiteX0" fmla="*/ 805079 w 805078"/>
                <a:gd name="connsiteY0" fmla="*/ 402723 h 805716"/>
                <a:gd name="connsiteX1" fmla="*/ 402674 w 805078"/>
                <a:gd name="connsiteY1" fmla="*/ 805716 h 805716"/>
                <a:gd name="connsiteX2" fmla="*/ 0 w 805078"/>
                <a:gd name="connsiteY2" fmla="*/ 402723 h 805716"/>
                <a:gd name="connsiteX3" fmla="*/ 402674 w 805078"/>
                <a:gd name="connsiteY3" fmla="*/ 0 h 805716"/>
                <a:gd name="connsiteX4" fmla="*/ 805079 w 80507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716">
                  <a:moveTo>
                    <a:pt x="805079" y="402723"/>
                  </a:moveTo>
                  <a:cubicBezTo>
                    <a:pt x="805079" y="625111"/>
                    <a:pt x="624885" y="805716"/>
                    <a:pt x="402674" y="805716"/>
                  </a:cubicBezTo>
                  <a:cubicBezTo>
                    <a:pt x="180463" y="805716"/>
                    <a:pt x="0" y="625111"/>
                    <a:pt x="0" y="402723"/>
                  </a:cubicBezTo>
                  <a:cubicBezTo>
                    <a:pt x="0" y="180336"/>
                    <a:pt x="180463" y="0"/>
                    <a:pt x="402674" y="0"/>
                  </a:cubicBezTo>
                  <a:cubicBezTo>
                    <a:pt x="624885" y="0"/>
                    <a:pt x="805079" y="180336"/>
                    <a:pt x="805079" y="402723"/>
                  </a:cubicBezTo>
                </a:path>
              </a:pathLst>
            </a:custGeom>
            <a:grpFill/>
            <a:ln w="8971" cap="flat">
              <a:noFill/>
              <a:prstDash val="solid"/>
              <a:miter/>
            </a:ln>
          </p:spPr>
          <p:txBody>
            <a:bodyPr rtlCol="0" anchor="ctr"/>
            <a:lstStyle/>
            <a:p>
              <a:endParaRPr lang="en-RU"/>
            </a:p>
          </p:txBody>
        </p:sp>
        <p:sp>
          <p:nvSpPr>
            <p:cNvPr id="21" name="Freeform 20">
              <a:extLst>
                <a:ext uri="{FF2B5EF4-FFF2-40B4-BE49-F238E27FC236}">
                  <a16:creationId xmlns:a16="http://schemas.microsoft.com/office/drawing/2014/main" id="{80DE072E-DF0D-424C-A1F5-619C6F68AC6E}"/>
                </a:ext>
              </a:extLst>
            </p:cNvPr>
            <p:cNvSpPr/>
            <p:nvPr/>
          </p:nvSpPr>
          <p:spPr>
            <a:xfrm>
              <a:off x="4429502"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96" y="0"/>
                    <a:pt x="804899" y="180336"/>
                    <a:pt x="804899" y="402723"/>
                  </a:cubicBezTo>
                </a:path>
              </a:pathLst>
            </a:custGeom>
            <a:grpFill/>
            <a:ln w="8971" cap="flat">
              <a:noFill/>
              <a:prstDash val="solid"/>
              <a:miter/>
            </a:ln>
          </p:spPr>
          <p:txBody>
            <a:bodyPr rtlCol="0" anchor="ctr"/>
            <a:lstStyle/>
            <a:p>
              <a:endParaRPr lang="en-RU"/>
            </a:p>
          </p:txBody>
        </p:sp>
        <p:sp>
          <p:nvSpPr>
            <p:cNvPr id="22" name="Freeform 21">
              <a:extLst>
                <a:ext uri="{FF2B5EF4-FFF2-40B4-BE49-F238E27FC236}">
                  <a16:creationId xmlns:a16="http://schemas.microsoft.com/office/drawing/2014/main" id="{EB5C32AD-D789-3349-9D83-F37FFAAF6A6B}"/>
                </a:ext>
              </a:extLst>
            </p:cNvPr>
            <p:cNvSpPr/>
            <p:nvPr/>
          </p:nvSpPr>
          <p:spPr>
            <a:xfrm>
              <a:off x="5884695"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23" name="Freeform 22">
              <a:extLst>
                <a:ext uri="{FF2B5EF4-FFF2-40B4-BE49-F238E27FC236}">
                  <a16:creationId xmlns:a16="http://schemas.microsoft.com/office/drawing/2014/main" id="{DF995D35-9044-0347-9FCA-62DBB5B3275C}"/>
                </a:ext>
              </a:extLst>
            </p:cNvPr>
            <p:cNvSpPr/>
            <p:nvPr/>
          </p:nvSpPr>
          <p:spPr>
            <a:xfrm>
              <a:off x="86882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193" y="805627"/>
                    <a:pt x="0" y="625201"/>
                    <a:pt x="0" y="402724"/>
                  </a:cubicBezTo>
                  <a:cubicBezTo>
                    <a:pt x="0" y="180336"/>
                    <a:pt x="180193" y="0"/>
                    <a:pt x="402674" y="0"/>
                  </a:cubicBezTo>
                  <a:cubicBezTo>
                    <a:pt x="624975" y="0"/>
                    <a:pt x="805079" y="180246"/>
                    <a:pt x="805079" y="402724"/>
                  </a:cubicBezTo>
                </a:path>
              </a:pathLst>
            </a:custGeom>
            <a:grpFill/>
            <a:ln w="8971" cap="flat">
              <a:noFill/>
              <a:prstDash val="solid"/>
              <a:miter/>
            </a:ln>
          </p:spPr>
          <p:txBody>
            <a:bodyPr rtlCol="0" anchor="ctr"/>
            <a:lstStyle/>
            <a:p>
              <a:endParaRPr lang="en-RU"/>
            </a:p>
          </p:txBody>
        </p:sp>
        <p:sp>
          <p:nvSpPr>
            <p:cNvPr id="24" name="Freeform 23">
              <a:extLst>
                <a:ext uri="{FF2B5EF4-FFF2-40B4-BE49-F238E27FC236}">
                  <a16:creationId xmlns:a16="http://schemas.microsoft.com/office/drawing/2014/main" id="{F70F1E51-AE5B-2E42-90DF-293A6EB4D96C}"/>
                </a:ext>
              </a:extLst>
            </p:cNvPr>
            <p:cNvSpPr/>
            <p:nvPr/>
          </p:nvSpPr>
          <p:spPr>
            <a:xfrm>
              <a:off x="2324106"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463" y="805627"/>
                    <a:pt x="0" y="625201"/>
                    <a:pt x="0" y="402724"/>
                  </a:cubicBezTo>
                  <a:cubicBezTo>
                    <a:pt x="0" y="180336"/>
                    <a:pt x="180463" y="0"/>
                    <a:pt x="402674" y="0"/>
                  </a:cubicBezTo>
                  <a:cubicBezTo>
                    <a:pt x="624885" y="0"/>
                    <a:pt x="805079" y="180246"/>
                    <a:pt x="805079" y="402724"/>
                  </a:cubicBezTo>
                </a:path>
              </a:pathLst>
            </a:custGeom>
            <a:grpFill/>
            <a:ln w="8971" cap="flat">
              <a:noFill/>
              <a:prstDash val="solid"/>
              <a:miter/>
            </a:ln>
          </p:spPr>
          <p:txBody>
            <a:bodyPr rtlCol="0" anchor="ctr"/>
            <a:lstStyle/>
            <a:p>
              <a:endParaRPr lang="en-RU"/>
            </a:p>
          </p:txBody>
        </p:sp>
        <p:sp>
          <p:nvSpPr>
            <p:cNvPr id="25" name="Freeform 24">
              <a:extLst>
                <a:ext uri="{FF2B5EF4-FFF2-40B4-BE49-F238E27FC236}">
                  <a16:creationId xmlns:a16="http://schemas.microsoft.com/office/drawing/2014/main" id="{40894D89-27A5-0E4E-A72A-6A199C0C1869}"/>
                </a:ext>
              </a:extLst>
            </p:cNvPr>
            <p:cNvSpPr/>
            <p:nvPr/>
          </p:nvSpPr>
          <p:spPr>
            <a:xfrm>
              <a:off x="3779298"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3" y="805627"/>
                    <a:pt x="0" y="625201"/>
                    <a:pt x="0" y="402724"/>
                  </a:cubicBezTo>
                  <a:cubicBezTo>
                    <a:pt x="0" y="180336"/>
                    <a:pt x="180463"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6" name="Freeform 25">
              <a:extLst>
                <a:ext uri="{FF2B5EF4-FFF2-40B4-BE49-F238E27FC236}">
                  <a16:creationId xmlns:a16="http://schemas.microsoft.com/office/drawing/2014/main" id="{26604F1A-9AAF-E741-A054-DC488F537F40}"/>
                </a:ext>
              </a:extLst>
            </p:cNvPr>
            <p:cNvSpPr/>
            <p:nvPr/>
          </p:nvSpPr>
          <p:spPr>
            <a:xfrm>
              <a:off x="5234401"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2" y="805627"/>
                    <a:pt x="0" y="625201"/>
                    <a:pt x="0" y="402724"/>
                  </a:cubicBezTo>
                  <a:cubicBezTo>
                    <a:pt x="0" y="180336"/>
                    <a:pt x="180462"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7" name="Freeform 26">
              <a:extLst>
                <a:ext uri="{FF2B5EF4-FFF2-40B4-BE49-F238E27FC236}">
                  <a16:creationId xmlns:a16="http://schemas.microsoft.com/office/drawing/2014/main" id="{5B6C422A-4B89-6544-B04C-B8E17DDD4C2E}"/>
                </a:ext>
              </a:extLst>
            </p:cNvPr>
            <p:cNvSpPr/>
            <p:nvPr/>
          </p:nvSpPr>
          <p:spPr>
            <a:xfrm>
              <a:off x="668968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6" y="805627"/>
                    <a:pt x="402674" y="805627"/>
                  </a:cubicBezTo>
                  <a:cubicBezTo>
                    <a:pt x="180463" y="805627"/>
                    <a:pt x="0" y="625201"/>
                    <a:pt x="0" y="402724"/>
                  </a:cubicBezTo>
                  <a:cubicBezTo>
                    <a:pt x="0" y="180336"/>
                    <a:pt x="180463" y="0"/>
                    <a:pt x="402674" y="0"/>
                  </a:cubicBezTo>
                  <a:cubicBezTo>
                    <a:pt x="624886" y="0"/>
                    <a:pt x="805079" y="180246"/>
                    <a:pt x="805079" y="402724"/>
                  </a:cubicBezTo>
                </a:path>
              </a:pathLst>
            </a:custGeom>
            <a:grpFill/>
            <a:ln w="8971" cap="flat">
              <a:noFill/>
              <a:prstDash val="solid"/>
              <a:miter/>
            </a:ln>
          </p:spPr>
          <p:txBody>
            <a:bodyPr rtlCol="0" anchor="ctr"/>
            <a:lstStyle/>
            <a:p>
              <a:endParaRPr lang="en-RU"/>
            </a:p>
          </p:txBody>
        </p:sp>
      </p:grpSp>
    </p:spTree>
    <p:extLst>
      <p:ext uri="{BB962C8B-B14F-4D97-AF65-F5344CB8AC3E}">
        <p14:creationId xmlns:p14="http://schemas.microsoft.com/office/powerpoint/2010/main" val="63018556"/>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9FE63CA7-CC93-8648-AA8F-480DD6CB7EA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28016" y="1234725"/>
            <a:ext cx="952500" cy="495300"/>
          </a:xfrm>
          <a:prstGeom prst="rect">
            <a:avLst/>
          </a:prstGeom>
        </p:spPr>
      </p:pic>
      <p:sp>
        <p:nvSpPr>
          <p:cNvPr id="6" name="Text Placeholder 25">
            <a:extLst>
              <a:ext uri="{FF2B5EF4-FFF2-40B4-BE49-F238E27FC236}">
                <a16:creationId xmlns:a16="http://schemas.microsoft.com/office/drawing/2014/main" id="{6FAB023B-B4DF-284F-8755-78CB9D2CEDA2}"/>
              </a:ext>
            </a:extLst>
          </p:cNvPr>
          <p:cNvSpPr txBox="1">
            <a:spLocks/>
          </p:cNvSpPr>
          <p:nvPr/>
        </p:nvSpPr>
        <p:spPr>
          <a:xfrm>
            <a:off x="379179" y="123472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1</a:t>
            </a:r>
          </a:p>
        </p:txBody>
      </p:sp>
      <p:sp>
        <p:nvSpPr>
          <p:cNvPr id="7" name="Text Placeholder 3">
            <a:extLst>
              <a:ext uri="{FF2B5EF4-FFF2-40B4-BE49-F238E27FC236}">
                <a16:creationId xmlns:a16="http://schemas.microsoft.com/office/drawing/2014/main" id="{E57034D1-F62A-FF44-A36F-B1F7F43894DB}"/>
              </a:ext>
            </a:extLst>
          </p:cNvPr>
          <p:cNvSpPr txBox="1">
            <a:spLocks/>
          </p:cNvSpPr>
          <p:nvPr/>
        </p:nvSpPr>
        <p:spPr>
          <a:xfrm>
            <a:off x="1267949" y="1323376"/>
            <a:ext cx="2900308"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dirty="0"/>
              <a:t>Projekti “Students as Digital Civic Engagers” veebileht </a:t>
            </a:r>
            <a:endParaRPr lang="en-RU" dirty="0"/>
          </a:p>
        </p:txBody>
      </p:sp>
      <p:pic>
        <p:nvPicPr>
          <p:cNvPr id="8" name="Picture 7">
            <a:extLst>
              <a:ext uri="{FF2B5EF4-FFF2-40B4-BE49-F238E27FC236}">
                <a16:creationId xmlns:a16="http://schemas.microsoft.com/office/drawing/2014/main" id="{654F540C-9C44-0942-9ACB-EBF3E6E14100}"/>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flipH="1">
            <a:off x="6123053" y="3372215"/>
            <a:ext cx="952500" cy="495300"/>
          </a:xfrm>
          <a:prstGeom prst="rect">
            <a:avLst/>
          </a:prstGeom>
        </p:spPr>
      </p:pic>
      <p:sp>
        <p:nvSpPr>
          <p:cNvPr id="9" name="Text Placeholder 25">
            <a:extLst>
              <a:ext uri="{FF2B5EF4-FFF2-40B4-BE49-F238E27FC236}">
                <a16:creationId xmlns:a16="http://schemas.microsoft.com/office/drawing/2014/main" id="{92875B06-5854-264A-8343-F7EEF3B3951F}"/>
              </a:ext>
            </a:extLst>
          </p:cNvPr>
          <p:cNvSpPr txBox="1">
            <a:spLocks/>
          </p:cNvSpPr>
          <p:nvPr/>
        </p:nvSpPr>
        <p:spPr>
          <a:xfrm>
            <a:off x="6426164" y="337221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2</a:t>
            </a:r>
          </a:p>
        </p:txBody>
      </p:sp>
      <p:pic>
        <p:nvPicPr>
          <p:cNvPr id="10" name="Picture 9">
            <a:extLst>
              <a:ext uri="{FF2B5EF4-FFF2-40B4-BE49-F238E27FC236}">
                <a16:creationId xmlns:a16="http://schemas.microsoft.com/office/drawing/2014/main" id="{7376D6C2-5225-5741-97AD-8E8559F2E7EF}"/>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86220" y="6058311"/>
            <a:ext cx="952500" cy="495300"/>
          </a:xfrm>
          <a:prstGeom prst="rect">
            <a:avLst/>
          </a:prstGeom>
        </p:spPr>
      </p:pic>
      <p:sp>
        <p:nvSpPr>
          <p:cNvPr id="11" name="Text Placeholder 25">
            <a:extLst>
              <a:ext uri="{FF2B5EF4-FFF2-40B4-BE49-F238E27FC236}">
                <a16:creationId xmlns:a16="http://schemas.microsoft.com/office/drawing/2014/main" id="{A872269C-50E6-B341-9B2E-4E14B2B6950D}"/>
              </a:ext>
            </a:extLst>
          </p:cNvPr>
          <p:cNvSpPr txBox="1">
            <a:spLocks/>
          </p:cNvSpPr>
          <p:nvPr/>
        </p:nvSpPr>
        <p:spPr>
          <a:xfrm>
            <a:off x="334935" y="608812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3</a:t>
            </a:r>
          </a:p>
        </p:txBody>
      </p:sp>
      <p:pic>
        <p:nvPicPr>
          <p:cNvPr id="12" name="Picture 11">
            <a:extLst>
              <a:ext uri="{FF2B5EF4-FFF2-40B4-BE49-F238E27FC236}">
                <a16:creationId xmlns:a16="http://schemas.microsoft.com/office/drawing/2014/main" id="{05DEE894-8766-0A4F-A38E-E9BF3E8E8C99}"/>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flipH="1">
            <a:off x="6098367" y="8474557"/>
            <a:ext cx="952500" cy="495300"/>
          </a:xfrm>
          <a:prstGeom prst="rect">
            <a:avLst/>
          </a:prstGeom>
        </p:spPr>
      </p:pic>
      <p:sp>
        <p:nvSpPr>
          <p:cNvPr id="13" name="Text Placeholder 25">
            <a:extLst>
              <a:ext uri="{FF2B5EF4-FFF2-40B4-BE49-F238E27FC236}">
                <a16:creationId xmlns:a16="http://schemas.microsoft.com/office/drawing/2014/main" id="{FA4E91A8-5556-854A-8A83-2108134F4D2C}"/>
              </a:ext>
            </a:extLst>
          </p:cNvPr>
          <p:cNvSpPr txBox="1">
            <a:spLocks/>
          </p:cNvSpPr>
          <p:nvPr/>
        </p:nvSpPr>
        <p:spPr>
          <a:xfrm>
            <a:off x="6407534" y="8489051"/>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4</a:t>
            </a:r>
          </a:p>
        </p:txBody>
      </p:sp>
      <p:pic>
        <p:nvPicPr>
          <p:cNvPr id="14" name="Picture 13">
            <a:extLst>
              <a:ext uri="{FF2B5EF4-FFF2-40B4-BE49-F238E27FC236}">
                <a16:creationId xmlns:a16="http://schemas.microsoft.com/office/drawing/2014/main" id="{BAEB8BAB-4354-FA4C-A1AD-8325054C91F2}"/>
              </a:ext>
            </a:extLst>
          </p:cNvPr>
          <p:cNvPicPr>
            <a:picLocks noChangeAspect="1"/>
          </p:cNvPicPr>
          <p:nvPr/>
        </p:nvPicPr>
        <p:blipFill rotWithShape="1">
          <a:blip r:embed="rId6" cstate="email">
            <a:extLst>
              <a:ext uri="{28A0092B-C50C-407E-A947-70E740481C1C}">
                <a14:useLocalDpi xmlns:a14="http://schemas.microsoft.com/office/drawing/2010/main"/>
              </a:ext>
            </a:extLst>
          </a:blip>
          <a:srcRect/>
          <a:stretch/>
        </p:blipFill>
        <p:spPr>
          <a:xfrm>
            <a:off x="3840620" y="503052"/>
            <a:ext cx="3511667" cy="2133556"/>
          </a:xfrm>
          <a:prstGeom prst="rect">
            <a:avLst/>
          </a:prstGeom>
        </p:spPr>
      </p:pic>
      <p:pic>
        <p:nvPicPr>
          <p:cNvPr id="15" name="Picture 14">
            <a:hlinkClick r:id="rId7"/>
            <a:extLst>
              <a:ext uri="{FF2B5EF4-FFF2-40B4-BE49-F238E27FC236}">
                <a16:creationId xmlns:a16="http://schemas.microsoft.com/office/drawing/2014/main" id="{B525A267-8DD1-FE43-9F72-1A2CC47E2E78}"/>
              </a:ext>
            </a:extLst>
          </p:cNvPr>
          <p:cNvPicPr>
            <a:picLocks noChangeAspect="1"/>
          </p:cNvPicPr>
          <p:nvPr/>
        </p:nvPicPr>
        <p:blipFill>
          <a:blip r:embed="rId8" cstate="email">
            <a:extLst>
              <a:ext uri="{28A0092B-C50C-407E-A947-70E740481C1C}">
                <a14:useLocalDpi xmlns:a14="http://schemas.microsoft.com/office/drawing/2010/main"/>
              </a:ext>
            </a:extLst>
          </a:blip>
          <a:srcRect l="3554" r="3554"/>
          <a:stretch/>
        </p:blipFill>
        <p:spPr>
          <a:xfrm>
            <a:off x="4365893" y="696953"/>
            <a:ext cx="2488557" cy="1532966"/>
          </a:xfrm>
          <a:prstGeom prst="rect">
            <a:avLst/>
          </a:prstGeom>
        </p:spPr>
      </p:pic>
      <p:grpSp>
        <p:nvGrpSpPr>
          <p:cNvPr id="38" name="Group 37">
            <a:extLst>
              <a:ext uri="{FF2B5EF4-FFF2-40B4-BE49-F238E27FC236}">
                <a16:creationId xmlns:a16="http://schemas.microsoft.com/office/drawing/2014/main" id="{43EE3187-F4B8-D049-978D-DB11DF10C5A7}"/>
              </a:ext>
            </a:extLst>
          </p:cNvPr>
          <p:cNvGrpSpPr/>
          <p:nvPr/>
        </p:nvGrpSpPr>
        <p:grpSpPr>
          <a:xfrm>
            <a:off x="3654655" y="1906823"/>
            <a:ext cx="942892" cy="910807"/>
            <a:chOff x="3654655" y="1906823"/>
            <a:chExt cx="942892" cy="910807"/>
          </a:xfrm>
        </p:grpSpPr>
        <p:sp>
          <p:nvSpPr>
            <p:cNvPr id="17" name="Oval 16">
              <a:hlinkClick r:id="rId7"/>
              <a:extLst>
                <a:ext uri="{FF2B5EF4-FFF2-40B4-BE49-F238E27FC236}">
                  <a16:creationId xmlns:a16="http://schemas.microsoft.com/office/drawing/2014/main" id="{99E77361-20FC-1546-8B8F-7376F611625D}"/>
                </a:ext>
              </a:extLst>
            </p:cNvPr>
            <p:cNvSpPr/>
            <p:nvPr/>
          </p:nvSpPr>
          <p:spPr>
            <a:xfrm>
              <a:off x="3686739" y="1906823"/>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Rectangle 17">
              <a:extLst>
                <a:ext uri="{FF2B5EF4-FFF2-40B4-BE49-F238E27FC236}">
                  <a16:creationId xmlns:a16="http://schemas.microsoft.com/office/drawing/2014/main" id="{F340C0D2-93ED-2A4C-A8F0-847D92C3A09D}"/>
                </a:ext>
              </a:extLst>
            </p:cNvPr>
            <p:cNvSpPr/>
            <p:nvPr/>
          </p:nvSpPr>
          <p:spPr>
            <a:xfrm>
              <a:off x="3654655" y="2094689"/>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KLIKI </a:t>
              </a:r>
            </a:p>
            <a:p>
              <a:pPr algn="ctr"/>
              <a:r>
                <a:rPr lang="en-US" sz="1400" b="1" u="sng" dirty="0">
                  <a:solidFill>
                    <a:schemeClr val="bg1"/>
                  </a:solidFill>
                  <a:latin typeface="Calibri" panose="020F0502020204030204" pitchFamily="34" charset="0"/>
                  <a:cs typeface="Calibri" panose="020F0502020204030204" pitchFamily="34" charset="0"/>
                </a:rPr>
                <a:t>SIIN</a:t>
              </a:r>
            </a:p>
          </p:txBody>
        </p:sp>
      </p:grpSp>
      <p:sp>
        <p:nvSpPr>
          <p:cNvPr id="20" name="Text Placeholder 3">
            <a:extLst>
              <a:ext uri="{FF2B5EF4-FFF2-40B4-BE49-F238E27FC236}">
                <a16:creationId xmlns:a16="http://schemas.microsoft.com/office/drawing/2014/main" id="{B51BBCC8-2C5E-5241-A61D-8AC24ECB26E7}"/>
              </a:ext>
            </a:extLst>
          </p:cNvPr>
          <p:cNvSpPr txBox="1">
            <a:spLocks/>
          </p:cNvSpPr>
          <p:nvPr/>
        </p:nvSpPr>
        <p:spPr>
          <a:xfrm>
            <a:off x="530970" y="3466076"/>
            <a:ext cx="5592084"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dirty="0"/>
              <a:t>Digitaalse kodanikuosaluse juhend </a:t>
            </a:r>
            <a:endParaRPr lang="en-RU" dirty="0"/>
          </a:p>
        </p:txBody>
      </p:sp>
      <p:pic>
        <p:nvPicPr>
          <p:cNvPr id="21" name="Picture 20">
            <a:extLst>
              <a:ext uri="{FF2B5EF4-FFF2-40B4-BE49-F238E27FC236}">
                <a16:creationId xmlns:a16="http://schemas.microsoft.com/office/drawing/2014/main" id="{9C46A7C8-2B49-D04A-B9A1-238ADDAFC301}"/>
              </a:ext>
            </a:extLst>
          </p:cNvPr>
          <p:cNvPicPr>
            <a:picLocks noChangeAspect="1"/>
          </p:cNvPicPr>
          <p:nvPr/>
        </p:nvPicPr>
        <p:blipFill rotWithShape="1">
          <a:blip r:embed="rId6" cstate="email">
            <a:extLst>
              <a:ext uri="{28A0092B-C50C-407E-A947-70E740481C1C}">
                <a14:useLocalDpi xmlns:a14="http://schemas.microsoft.com/office/drawing/2010/main"/>
              </a:ext>
            </a:extLst>
          </a:blip>
          <a:srcRect/>
          <a:stretch/>
        </p:blipFill>
        <p:spPr>
          <a:xfrm>
            <a:off x="60190" y="3123422"/>
            <a:ext cx="3507789" cy="2131200"/>
          </a:xfrm>
          <a:prstGeom prst="rect">
            <a:avLst/>
          </a:prstGeom>
        </p:spPr>
      </p:pic>
      <p:pic>
        <p:nvPicPr>
          <p:cNvPr id="22" name="Picture 21">
            <a:hlinkClick r:id="rId9"/>
            <a:extLst>
              <a:ext uri="{FF2B5EF4-FFF2-40B4-BE49-F238E27FC236}">
                <a16:creationId xmlns:a16="http://schemas.microsoft.com/office/drawing/2014/main" id="{11BDB104-46EF-984B-83ED-8E220A47D701}"/>
              </a:ext>
            </a:extLst>
          </p:cNvPr>
          <p:cNvPicPr>
            <a:picLocks noChangeAspect="1"/>
          </p:cNvPicPr>
          <p:nvPr/>
        </p:nvPicPr>
        <p:blipFill>
          <a:blip r:embed="rId10" cstate="email">
            <a:extLst>
              <a:ext uri="{28A0092B-C50C-407E-A947-70E740481C1C}">
                <a14:useLocalDpi xmlns:a14="http://schemas.microsoft.com/office/drawing/2010/main"/>
              </a:ext>
            </a:extLst>
          </a:blip>
          <a:srcRect l="3554" r="3554"/>
          <a:stretch/>
        </p:blipFill>
        <p:spPr>
          <a:xfrm>
            <a:off x="585463" y="3317323"/>
            <a:ext cx="2488557" cy="1532966"/>
          </a:xfrm>
          <a:prstGeom prst="rect">
            <a:avLst/>
          </a:prstGeom>
        </p:spPr>
      </p:pic>
      <p:grpSp>
        <p:nvGrpSpPr>
          <p:cNvPr id="39" name="Group 38">
            <a:extLst>
              <a:ext uri="{FF2B5EF4-FFF2-40B4-BE49-F238E27FC236}">
                <a16:creationId xmlns:a16="http://schemas.microsoft.com/office/drawing/2014/main" id="{2D6BFF52-B89C-9D47-84DD-513A322A0A1E}"/>
              </a:ext>
            </a:extLst>
          </p:cNvPr>
          <p:cNvGrpSpPr/>
          <p:nvPr/>
        </p:nvGrpSpPr>
        <p:grpSpPr>
          <a:xfrm>
            <a:off x="2650309" y="3898786"/>
            <a:ext cx="942892" cy="910807"/>
            <a:chOff x="2650309" y="3898786"/>
            <a:chExt cx="942892" cy="910807"/>
          </a:xfrm>
        </p:grpSpPr>
        <p:sp>
          <p:nvSpPr>
            <p:cNvPr id="24" name="Oval 23">
              <a:hlinkClick r:id="rId9"/>
              <a:extLst>
                <a:ext uri="{FF2B5EF4-FFF2-40B4-BE49-F238E27FC236}">
                  <a16:creationId xmlns:a16="http://schemas.microsoft.com/office/drawing/2014/main" id="{C5395BE5-FA63-0C42-BD60-BEA20E8036BE}"/>
                </a:ext>
              </a:extLst>
            </p:cNvPr>
            <p:cNvSpPr/>
            <p:nvPr/>
          </p:nvSpPr>
          <p:spPr>
            <a:xfrm>
              <a:off x="2682393" y="3898786"/>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Rectangle 24">
              <a:extLst>
                <a:ext uri="{FF2B5EF4-FFF2-40B4-BE49-F238E27FC236}">
                  <a16:creationId xmlns:a16="http://schemas.microsoft.com/office/drawing/2014/main" id="{7B064FD0-8746-8D4C-9D7B-77E6A3F3B92C}"/>
                </a:ext>
              </a:extLst>
            </p:cNvPr>
            <p:cNvSpPr/>
            <p:nvPr/>
          </p:nvSpPr>
          <p:spPr>
            <a:xfrm>
              <a:off x="2650309" y="4086652"/>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KLIKI </a:t>
              </a:r>
            </a:p>
            <a:p>
              <a:pPr algn="ctr"/>
              <a:r>
                <a:rPr lang="en-US" sz="1400" b="1" u="sng" dirty="0">
                  <a:solidFill>
                    <a:schemeClr val="bg1"/>
                  </a:solidFill>
                  <a:latin typeface="Calibri" panose="020F0502020204030204" pitchFamily="34" charset="0"/>
                  <a:cs typeface="Calibri" panose="020F0502020204030204" pitchFamily="34" charset="0"/>
                </a:rPr>
                <a:t>SIIN</a:t>
              </a:r>
            </a:p>
          </p:txBody>
        </p:sp>
      </p:grpSp>
      <p:sp>
        <p:nvSpPr>
          <p:cNvPr id="26" name="Text Placeholder 3">
            <a:extLst>
              <a:ext uri="{FF2B5EF4-FFF2-40B4-BE49-F238E27FC236}">
                <a16:creationId xmlns:a16="http://schemas.microsoft.com/office/drawing/2014/main" id="{48949C7A-4702-1E48-83B6-AB0233F2EB0F}"/>
              </a:ext>
            </a:extLst>
          </p:cNvPr>
          <p:cNvSpPr txBox="1">
            <a:spLocks/>
          </p:cNvSpPr>
          <p:nvPr/>
        </p:nvSpPr>
        <p:spPr>
          <a:xfrm>
            <a:off x="1308892" y="6141036"/>
            <a:ext cx="2793574"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dirty="0"/>
              <a:t>Üliõpilaste kui digitaalses kodanikuühiskonnas osalejate töövahendite komplekt </a:t>
            </a:r>
            <a:endParaRPr lang="en-RU" dirty="0"/>
          </a:p>
        </p:txBody>
      </p:sp>
      <p:pic>
        <p:nvPicPr>
          <p:cNvPr id="27" name="Picture 26">
            <a:extLst>
              <a:ext uri="{FF2B5EF4-FFF2-40B4-BE49-F238E27FC236}">
                <a16:creationId xmlns:a16="http://schemas.microsoft.com/office/drawing/2014/main" id="{835C09F4-5014-9E4C-85D1-53D71A7FBA5A}"/>
              </a:ext>
            </a:extLst>
          </p:cNvPr>
          <p:cNvPicPr>
            <a:picLocks noChangeAspect="1"/>
          </p:cNvPicPr>
          <p:nvPr/>
        </p:nvPicPr>
        <p:blipFill rotWithShape="1">
          <a:blip r:embed="rId6" cstate="email">
            <a:extLst>
              <a:ext uri="{28A0092B-C50C-407E-A947-70E740481C1C}">
                <a14:useLocalDpi xmlns:a14="http://schemas.microsoft.com/office/drawing/2010/main"/>
              </a:ext>
            </a:extLst>
          </a:blip>
          <a:srcRect/>
          <a:stretch/>
        </p:blipFill>
        <p:spPr>
          <a:xfrm>
            <a:off x="3772381" y="5416247"/>
            <a:ext cx="3511667" cy="2133556"/>
          </a:xfrm>
          <a:prstGeom prst="rect">
            <a:avLst/>
          </a:prstGeom>
        </p:spPr>
      </p:pic>
      <p:pic>
        <p:nvPicPr>
          <p:cNvPr id="28" name="Picture 27">
            <a:hlinkClick r:id="rId11"/>
            <a:extLst>
              <a:ext uri="{FF2B5EF4-FFF2-40B4-BE49-F238E27FC236}">
                <a16:creationId xmlns:a16="http://schemas.microsoft.com/office/drawing/2014/main" id="{003014B4-9695-014A-86D3-B6E86CFD20BB}"/>
              </a:ext>
            </a:extLst>
          </p:cNvPr>
          <p:cNvPicPr>
            <a:picLocks noChangeAspect="1"/>
          </p:cNvPicPr>
          <p:nvPr/>
        </p:nvPicPr>
        <p:blipFill>
          <a:blip r:embed="rId12" cstate="email">
            <a:extLst>
              <a:ext uri="{28A0092B-C50C-407E-A947-70E740481C1C}">
                <a14:useLocalDpi xmlns:a14="http://schemas.microsoft.com/office/drawing/2010/main"/>
              </a:ext>
            </a:extLst>
          </a:blip>
          <a:srcRect l="5188" r="5188"/>
          <a:stretch/>
        </p:blipFill>
        <p:spPr>
          <a:xfrm>
            <a:off x="4297654" y="5610148"/>
            <a:ext cx="2488557" cy="1532966"/>
          </a:xfrm>
          <a:prstGeom prst="rect">
            <a:avLst/>
          </a:prstGeom>
        </p:spPr>
      </p:pic>
      <p:grpSp>
        <p:nvGrpSpPr>
          <p:cNvPr id="40" name="Group 39">
            <a:extLst>
              <a:ext uri="{FF2B5EF4-FFF2-40B4-BE49-F238E27FC236}">
                <a16:creationId xmlns:a16="http://schemas.microsoft.com/office/drawing/2014/main" id="{4F2DEF2C-F98C-C24A-87A1-CB42EC09F2C8}"/>
              </a:ext>
            </a:extLst>
          </p:cNvPr>
          <p:cNvGrpSpPr/>
          <p:nvPr/>
        </p:nvGrpSpPr>
        <p:grpSpPr>
          <a:xfrm>
            <a:off x="3608158" y="6842702"/>
            <a:ext cx="942892" cy="910807"/>
            <a:chOff x="3608158" y="6842702"/>
            <a:chExt cx="942892" cy="910807"/>
          </a:xfrm>
        </p:grpSpPr>
        <p:sp>
          <p:nvSpPr>
            <p:cNvPr id="30" name="Oval 29">
              <a:hlinkClick r:id="rId11"/>
              <a:extLst>
                <a:ext uri="{FF2B5EF4-FFF2-40B4-BE49-F238E27FC236}">
                  <a16:creationId xmlns:a16="http://schemas.microsoft.com/office/drawing/2014/main" id="{F2C3EDAB-B17F-194F-9140-5CEECA611646}"/>
                </a:ext>
              </a:extLst>
            </p:cNvPr>
            <p:cNvSpPr/>
            <p:nvPr/>
          </p:nvSpPr>
          <p:spPr>
            <a:xfrm>
              <a:off x="3640242" y="6842702"/>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1" name="Rectangle 30">
              <a:extLst>
                <a:ext uri="{FF2B5EF4-FFF2-40B4-BE49-F238E27FC236}">
                  <a16:creationId xmlns:a16="http://schemas.microsoft.com/office/drawing/2014/main" id="{7B09C921-B2E9-6540-B3F5-195480D42F6B}"/>
                </a:ext>
              </a:extLst>
            </p:cNvPr>
            <p:cNvSpPr/>
            <p:nvPr/>
          </p:nvSpPr>
          <p:spPr>
            <a:xfrm>
              <a:off x="3608158" y="7030568"/>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KLIKI </a:t>
              </a:r>
            </a:p>
            <a:p>
              <a:pPr algn="ctr"/>
              <a:r>
                <a:rPr lang="en-US" sz="1400" b="1" u="sng" dirty="0">
                  <a:solidFill>
                    <a:schemeClr val="bg1"/>
                  </a:solidFill>
                  <a:latin typeface="Calibri" panose="020F0502020204030204" pitchFamily="34" charset="0"/>
                  <a:cs typeface="Calibri" panose="020F0502020204030204" pitchFamily="34" charset="0"/>
                </a:rPr>
                <a:t>SIIN</a:t>
              </a:r>
            </a:p>
          </p:txBody>
        </p:sp>
      </p:grpSp>
      <p:pic>
        <p:nvPicPr>
          <p:cNvPr id="32" name="Picture 31">
            <a:extLst>
              <a:ext uri="{FF2B5EF4-FFF2-40B4-BE49-F238E27FC236}">
                <a16:creationId xmlns:a16="http://schemas.microsoft.com/office/drawing/2014/main" id="{7D2D42FE-6CC6-E24A-B636-A7E15789330E}"/>
              </a:ext>
            </a:extLst>
          </p:cNvPr>
          <p:cNvPicPr>
            <a:picLocks noChangeAspect="1"/>
          </p:cNvPicPr>
          <p:nvPr/>
        </p:nvPicPr>
        <p:blipFill rotWithShape="1">
          <a:blip r:embed="rId6" cstate="email">
            <a:extLst>
              <a:ext uri="{28A0092B-C50C-407E-A947-70E740481C1C}">
                <a14:useLocalDpi xmlns:a14="http://schemas.microsoft.com/office/drawing/2010/main"/>
              </a:ext>
            </a:extLst>
          </a:blip>
          <a:srcRect/>
          <a:stretch/>
        </p:blipFill>
        <p:spPr>
          <a:xfrm>
            <a:off x="46542" y="7668127"/>
            <a:ext cx="3507789" cy="2131200"/>
          </a:xfrm>
          <a:prstGeom prst="rect">
            <a:avLst/>
          </a:prstGeom>
        </p:spPr>
      </p:pic>
      <p:pic>
        <p:nvPicPr>
          <p:cNvPr id="33" name="Picture 32">
            <a:hlinkClick r:id="rId11"/>
            <a:extLst>
              <a:ext uri="{FF2B5EF4-FFF2-40B4-BE49-F238E27FC236}">
                <a16:creationId xmlns:a16="http://schemas.microsoft.com/office/drawing/2014/main" id="{06CC9329-6960-BA41-87D1-95B59FAE8416}"/>
              </a:ext>
            </a:extLst>
          </p:cNvPr>
          <p:cNvPicPr>
            <a:picLocks noChangeAspect="1"/>
          </p:cNvPicPr>
          <p:nvPr/>
        </p:nvPicPr>
        <p:blipFill>
          <a:blip r:embed="rId13" cstate="email">
            <a:extLst>
              <a:ext uri="{28A0092B-C50C-407E-A947-70E740481C1C}">
                <a14:useLocalDpi xmlns:a14="http://schemas.microsoft.com/office/drawing/2010/main"/>
              </a:ext>
            </a:extLst>
          </a:blip>
          <a:srcRect t="3826" b="3826"/>
          <a:stretch/>
        </p:blipFill>
        <p:spPr>
          <a:xfrm>
            <a:off x="571815" y="7862028"/>
            <a:ext cx="2488557" cy="1532966"/>
          </a:xfrm>
          <a:prstGeom prst="rect">
            <a:avLst/>
          </a:prstGeom>
        </p:spPr>
      </p:pic>
      <p:grpSp>
        <p:nvGrpSpPr>
          <p:cNvPr id="34" name="Group 33">
            <a:extLst>
              <a:ext uri="{FF2B5EF4-FFF2-40B4-BE49-F238E27FC236}">
                <a16:creationId xmlns:a16="http://schemas.microsoft.com/office/drawing/2014/main" id="{766EF18C-779A-9242-AA4D-C4547CDC5DD1}"/>
              </a:ext>
            </a:extLst>
          </p:cNvPr>
          <p:cNvGrpSpPr/>
          <p:nvPr/>
        </p:nvGrpSpPr>
        <p:grpSpPr>
          <a:xfrm>
            <a:off x="2636661" y="8443491"/>
            <a:ext cx="942892" cy="910807"/>
            <a:chOff x="6430739" y="1278416"/>
            <a:chExt cx="942892" cy="910807"/>
          </a:xfrm>
        </p:grpSpPr>
        <p:sp>
          <p:nvSpPr>
            <p:cNvPr id="35" name="Oval 34">
              <a:extLst>
                <a:ext uri="{FF2B5EF4-FFF2-40B4-BE49-F238E27FC236}">
                  <a16:creationId xmlns:a16="http://schemas.microsoft.com/office/drawing/2014/main" id="{313A6FF3-49D5-004F-872D-91C5A6061FD8}"/>
                </a:ext>
              </a:extLst>
            </p:cNvPr>
            <p:cNvSpPr/>
            <p:nvPr/>
          </p:nvSpPr>
          <p:spPr>
            <a:xfrm>
              <a:off x="6462823" y="1278416"/>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6" name="Rectangle 35">
              <a:extLst>
                <a:ext uri="{FF2B5EF4-FFF2-40B4-BE49-F238E27FC236}">
                  <a16:creationId xmlns:a16="http://schemas.microsoft.com/office/drawing/2014/main" id="{A39F31FB-5704-F24D-9529-8B92398A576A}"/>
                </a:ext>
              </a:extLst>
            </p:cNvPr>
            <p:cNvSpPr/>
            <p:nvPr/>
          </p:nvSpPr>
          <p:spPr>
            <a:xfrm>
              <a:off x="6430739" y="1466282"/>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KLIKI </a:t>
              </a:r>
            </a:p>
            <a:p>
              <a:pPr algn="ctr"/>
              <a:r>
                <a:rPr lang="en-US" sz="1400" b="1" u="sng" dirty="0">
                  <a:solidFill>
                    <a:schemeClr val="bg1"/>
                  </a:solidFill>
                  <a:latin typeface="Calibri" panose="020F0502020204030204" pitchFamily="34" charset="0"/>
                  <a:cs typeface="Calibri" panose="020F0502020204030204" pitchFamily="34" charset="0"/>
                </a:rPr>
                <a:t>SIIN</a:t>
              </a:r>
            </a:p>
          </p:txBody>
        </p:sp>
      </p:grpSp>
      <p:sp>
        <p:nvSpPr>
          <p:cNvPr id="37" name="Text Placeholder 3">
            <a:extLst>
              <a:ext uri="{FF2B5EF4-FFF2-40B4-BE49-F238E27FC236}">
                <a16:creationId xmlns:a16="http://schemas.microsoft.com/office/drawing/2014/main" id="{E7E408D7-E3F6-2041-8309-D65D2B2DF4D8}"/>
              </a:ext>
            </a:extLst>
          </p:cNvPr>
          <p:cNvSpPr txBox="1">
            <a:spLocks/>
          </p:cNvSpPr>
          <p:nvPr/>
        </p:nvSpPr>
        <p:spPr>
          <a:xfrm>
            <a:off x="3863498" y="8583987"/>
            <a:ext cx="2245908"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spcBef>
                <a:spcPts val="0"/>
              </a:spcBef>
            </a:pPr>
            <a:r>
              <a:rPr lang="en-US" dirty="0"/>
              <a:t>Digitaalse kodanikuosaluse avatud õppevara ja pedagoogiline juhend </a:t>
            </a:r>
            <a:endParaRPr lang="en-RU" dirty="0"/>
          </a:p>
        </p:txBody>
      </p:sp>
      <p:cxnSp>
        <p:nvCxnSpPr>
          <p:cNvPr id="3" name="Straight Connector 2">
            <a:extLst>
              <a:ext uri="{FF2B5EF4-FFF2-40B4-BE49-F238E27FC236}">
                <a16:creationId xmlns:a16="http://schemas.microsoft.com/office/drawing/2014/main" id="{B4D4FFD9-F63F-0F86-F30B-2F3D78DB431E}"/>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E0CF7762-59C1-D595-3106-F550FC783FB3}"/>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1424555853"/>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9FE63CA7-CC93-8648-AA8F-480DD6CB7EA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28016" y="1234725"/>
            <a:ext cx="952500" cy="495300"/>
          </a:xfrm>
          <a:prstGeom prst="rect">
            <a:avLst/>
          </a:prstGeom>
        </p:spPr>
      </p:pic>
      <p:sp>
        <p:nvSpPr>
          <p:cNvPr id="6" name="Text Placeholder 25">
            <a:extLst>
              <a:ext uri="{FF2B5EF4-FFF2-40B4-BE49-F238E27FC236}">
                <a16:creationId xmlns:a16="http://schemas.microsoft.com/office/drawing/2014/main" id="{6FAB023B-B4DF-284F-8755-78CB9D2CEDA2}"/>
              </a:ext>
            </a:extLst>
          </p:cNvPr>
          <p:cNvSpPr txBox="1">
            <a:spLocks/>
          </p:cNvSpPr>
          <p:nvPr/>
        </p:nvSpPr>
        <p:spPr>
          <a:xfrm>
            <a:off x="379179" y="123472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a:t>
            </a:r>
            <a:r>
              <a:rPr lang="ru-RU" sz="2500" b="1" dirty="0">
                <a:solidFill>
                  <a:srgbClr val="22385A"/>
                </a:solidFill>
                <a:latin typeface="Calibri" panose="020F0502020204030204" pitchFamily="34" charset="0"/>
              </a:rPr>
              <a:t>5</a:t>
            </a:r>
            <a:endParaRPr lang="en-US" sz="2500" b="1" dirty="0">
              <a:solidFill>
                <a:srgbClr val="22385A"/>
              </a:solidFill>
              <a:latin typeface="Calibri" panose="020F0502020204030204" pitchFamily="34" charset="0"/>
            </a:endParaRPr>
          </a:p>
        </p:txBody>
      </p:sp>
      <p:sp>
        <p:nvSpPr>
          <p:cNvPr id="7" name="Text Placeholder 3">
            <a:extLst>
              <a:ext uri="{FF2B5EF4-FFF2-40B4-BE49-F238E27FC236}">
                <a16:creationId xmlns:a16="http://schemas.microsoft.com/office/drawing/2014/main" id="{E57034D1-F62A-FF44-A36F-B1F7F43894DB}"/>
              </a:ext>
            </a:extLst>
          </p:cNvPr>
          <p:cNvSpPr txBox="1">
            <a:spLocks/>
          </p:cNvSpPr>
          <p:nvPr/>
        </p:nvSpPr>
        <p:spPr>
          <a:xfrm>
            <a:off x="1267949" y="1323376"/>
            <a:ext cx="2572672" cy="39495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fontAlgn="base"/>
            <a:r>
              <a:rPr lang="en-GB" dirty="0"/>
              <a:t>Mis on kodanikuosalus? Kliki inglisekeelsel videol, et saada rohkem teavet kodanikuosaluse kohta</a:t>
            </a:r>
          </a:p>
        </p:txBody>
      </p:sp>
      <p:pic>
        <p:nvPicPr>
          <p:cNvPr id="8" name="Picture 7">
            <a:extLst>
              <a:ext uri="{FF2B5EF4-FFF2-40B4-BE49-F238E27FC236}">
                <a16:creationId xmlns:a16="http://schemas.microsoft.com/office/drawing/2014/main" id="{654F540C-9C44-0942-9ACB-EBF3E6E14100}"/>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flipH="1">
            <a:off x="6123053" y="3372215"/>
            <a:ext cx="952500" cy="495300"/>
          </a:xfrm>
          <a:prstGeom prst="rect">
            <a:avLst/>
          </a:prstGeom>
        </p:spPr>
      </p:pic>
      <p:sp>
        <p:nvSpPr>
          <p:cNvPr id="9" name="Text Placeholder 25">
            <a:extLst>
              <a:ext uri="{FF2B5EF4-FFF2-40B4-BE49-F238E27FC236}">
                <a16:creationId xmlns:a16="http://schemas.microsoft.com/office/drawing/2014/main" id="{92875B06-5854-264A-8343-F7EEF3B3951F}"/>
              </a:ext>
            </a:extLst>
          </p:cNvPr>
          <p:cNvSpPr txBox="1">
            <a:spLocks/>
          </p:cNvSpPr>
          <p:nvPr/>
        </p:nvSpPr>
        <p:spPr>
          <a:xfrm>
            <a:off x="6426164" y="337221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a:t>
            </a:r>
            <a:r>
              <a:rPr lang="ru-RU" sz="2500" b="1" dirty="0">
                <a:solidFill>
                  <a:srgbClr val="22385A"/>
                </a:solidFill>
                <a:latin typeface="Calibri" panose="020F0502020204030204" pitchFamily="34" charset="0"/>
              </a:rPr>
              <a:t>6</a:t>
            </a:r>
            <a:endParaRPr lang="en-US" sz="2500" b="1" dirty="0">
              <a:solidFill>
                <a:srgbClr val="22385A"/>
              </a:solidFill>
              <a:latin typeface="Calibri" panose="020F0502020204030204" pitchFamily="34" charset="0"/>
            </a:endParaRPr>
          </a:p>
        </p:txBody>
      </p:sp>
      <p:pic>
        <p:nvPicPr>
          <p:cNvPr id="10" name="Picture 9">
            <a:extLst>
              <a:ext uri="{FF2B5EF4-FFF2-40B4-BE49-F238E27FC236}">
                <a16:creationId xmlns:a16="http://schemas.microsoft.com/office/drawing/2014/main" id="{7376D6C2-5225-5741-97AD-8E8559F2E7EF}"/>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86220" y="6058311"/>
            <a:ext cx="952500" cy="495300"/>
          </a:xfrm>
          <a:prstGeom prst="rect">
            <a:avLst/>
          </a:prstGeom>
        </p:spPr>
      </p:pic>
      <p:sp>
        <p:nvSpPr>
          <p:cNvPr id="11" name="Text Placeholder 25">
            <a:extLst>
              <a:ext uri="{FF2B5EF4-FFF2-40B4-BE49-F238E27FC236}">
                <a16:creationId xmlns:a16="http://schemas.microsoft.com/office/drawing/2014/main" id="{A872269C-50E6-B341-9B2E-4E14B2B6950D}"/>
              </a:ext>
            </a:extLst>
          </p:cNvPr>
          <p:cNvSpPr txBox="1">
            <a:spLocks/>
          </p:cNvSpPr>
          <p:nvPr/>
        </p:nvSpPr>
        <p:spPr>
          <a:xfrm>
            <a:off x="334935" y="608812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a:t>
            </a:r>
            <a:r>
              <a:rPr lang="ru-RU" sz="2500" b="1" dirty="0">
                <a:solidFill>
                  <a:srgbClr val="22385A"/>
                </a:solidFill>
                <a:latin typeface="Calibri" panose="020F0502020204030204" pitchFamily="34" charset="0"/>
              </a:rPr>
              <a:t>7</a:t>
            </a:r>
            <a:endParaRPr lang="en-US" sz="2500" b="1" dirty="0">
              <a:solidFill>
                <a:srgbClr val="22385A"/>
              </a:solidFill>
              <a:latin typeface="Calibri" panose="020F0502020204030204" pitchFamily="34" charset="0"/>
            </a:endParaRPr>
          </a:p>
        </p:txBody>
      </p:sp>
      <p:pic>
        <p:nvPicPr>
          <p:cNvPr id="12" name="Picture 11">
            <a:extLst>
              <a:ext uri="{FF2B5EF4-FFF2-40B4-BE49-F238E27FC236}">
                <a16:creationId xmlns:a16="http://schemas.microsoft.com/office/drawing/2014/main" id="{05DEE894-8766-0A4F-A38E-E9BF3E8E8C99}"/>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flipH="1">
            <a:off x="6098367" y="8474557"/>
            <a:ext cx="952500" cy="495300"/>
          </a:xfrm>
          <a:prstGeom prst="rect">
            <a:avLst/>
          </a:prstGeom>
        </p:spPr>
      </p:pic>
      <p:sp>
        <p:nvSpPr>
          <p:cNvPr id="13" name="Text Placeholder 25">
            <a:extLst>
              <a:ext uri="{FF2B5EF4-FFF2-40B4-BE49-F238E27FC236}">
                <a16:creationId xmlns:a16="http://schemas.microsoft.com/office/drawing/2014/main" id="{FA4E91A8-5556-854A-8A83-2108134F4D2C}"/>
              </a:ext>
            </a:extLst>
          </p:cNvPr>
          <p:cNvSpPr txBox="1">
            <a:spLocks/>
          </p:cNvSpPr>
          <p:nvPr/>
        </p:nvSpPr>
        <p:spPr>
          <a:xfrm>
            <a:off x="6407534" y="8489051"/>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a:t>
            </a:r>
            <a:r>
              <a:rPr lang="ru-RU" sz="2500" b="1" dirty="0">
                <a:solidFill>
                  <a:srgbClr val="22385A"/>
                </a:solidFill>
                <a:latin typeface="Calibri" panose="020F0502020204030204" pitchFamily="34" charset="0"/>
              </a:rPr>
              <a:t>8</a:t>
            </a:r>
            <a:endParaRPr lang="en-US" sz="2500" b="1" dirty="0">
              <a:solidFill>
                <a:srgbClr val="22385A"/>
              </a:solidFill>
              <a:latin typeface="Calibri" panose="020F0502020204030204" pitchFamily="34" charset="0"/>
            </a:endParaRPr>
          </a:p>
        </p:txBody>
      </p:sp>
      <p:pic>
        <p:nvPicPr>
          <p:cNvPr id="14" name="Picture 13">
            <a:extLst>
              <a:ext uri="{FF2B5EF4-FFF2-40B4-BE49-F238E27FC236}">
                <a16:creationId xmlns:a16="http://schemas.microsoft.com/office/drawing/2014/main" id="{BAEB8BAB-4354-FA4C-A1AD-8325054C91F2}"/>
              </a:ext>
            </a:extLst>
          </p:cNvPr>
          <p:cNvPicPr>
            <a:picLocks noChangeAspect="1"/>
          </p:cNvPicPr>
          <p:nvPr/>
        </p:nvPicPr>
        <p:blipFill rotWithShape="1">
          <a:blip r:embed="rId6" cstate="email">
            <a:extLst>
              <a:ext uri="{28A0092B-C50C-407E-A947-70E740481C1C}">
                <a14:useLocalDpi xmlns:a14="http://schemas.microsoft.com/office/drawing/2010/main"/>
              </a:ext>
            </a:extLst>
          </a:blip>
          <a:srcRect/>
          <a:stretch/>
        </p:blipFill>
        <p:spPr>
          <a:xfrm>
            <a:off x="3840620" y="503052"/>
            <a:ext cx="3511667" cy="2133556"/>
          </a:xfrm>
          <a:prstGeom prst="rect">
            <a:avLst/>
          </a:prstGeom>
        </p:spPr>
      </p:pic>
      <p:pic>
        <p:nvPicPr>
          <p:cNvPr id="15" name="Picture 14">
            <a:hlinkClick r:id="rId7"/>
            <a:extLst>
              <a:ext uri="{FF2B5EF4-FFF2-40B4-BE49-F238E27FC236}">
                <a16:creationId xmlns:a16="http://schemas.microsoft.com/office/drawing/2014/main" id="{B525A267-8DD1-FE43-9F72-1A2CC47E2E78}"/>
              </a:ext>
            </a:extLst>
          </p:cNvPr>
          <p:cNvPicPr>
            <a:picLocks noChangeAspect="1"/>
          </p:cNvPicPr>
          <p:nvPr/>
        </p:nvPicPr>
        <p:blipFill rotWithShape="1">
          <a:blip r:embed="rId8" cstate="email">
            <a:extLst>
              <a:ext uri="{28A0092B-C50C-407E-A947-70E740481C1C}">
                <a14:useLocalDpi xmlns:a14="http://schemas.microsoft.com/office/drawing/2010/main"/>
              </a:ext>
            </a:extLst>
          </a:blip>
          <a:srcRect l="4126" t="2060" r="7665" b="1458"/>
          <a:stretch/>
        </p:blipFill>
        <p:spPr>
          <a:xfrm>
            <a:off x="4365893" y="686208"/>
            <a:ext cx="2511357" cy="1543711"/>
          </a:xfrm>
          <a:prstGeom prst="rect">
            <a:avLst/>
          </a:prstGeom>
        </p:spPr>
      </p:pic>
      <p:grpSp>
        <p:nvGrpSpPr>
          <p:cNvPr id="38" name="Group 37">
            <a:extLst>
              <a:ext uri="{FF2B5EF4-FFF2-40B4-BE49-F238E27FC236}">
                <a16:creationId xmlns:a16="http://schemas.microsoft.com/office/drawing/2014/main" id="{43EE3187-F4B8-D049-978D-DB11DF10C5A7}"/>
              </a:ext>
            </a:extLst>
          </p:cNvPr>
          <p:cNvGrpSpPr/>
          <p:nvPr/>
        </p:nvGrpSpPr>
        <p:grpSpPr>
          <a:xfrm>
            <a:off x="3654655" y="1906823"/>
            <a:ext cx="942892" cy="910807"/>
            <a:chOff x="3654655" y="1906823"/>
            <a:chExt cx="942892" cy="910807"/>
          </a:xfrm>
        </p:grpSpPr>
        <p:sp>
          <p:nvSpPr>
            <p:cNvPr id="17" name="Oval 16">
              <a:hlinkClick r:id="rId9"/>
              <a:extLst>
                <a:ext uri="{FF2B5EF4-FFF2-40B4-BE49-F238E27FC236}">
                  <a16:creationId xmlns:a16="http://schemas.microsoft.com/office/drawing/2014/main" id="{99E77361-20FC-1546-8B8F-7376F611625D}"/>
                </a:ext>
              </a:extLst>
            </p:cNvPr>
            <p:cNvSpPr/>
            <p:nvPr/>
          </p:nvSpPr>
          <p:spPr>
            <a:xfrm>
              <a:off x="3686739" y="1906823"/>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Rectangle 17">
              <a:extLst>
                <a:ext uri="{FF2B5EF4-FFF2-40B4-BE49-F238E27FC236}">
                  <a16:creationId xmlns:a16="http://schemas.microsoft.com/office/drawing/2014/main" id="{F340C0D2-93ED-2A4C-A8F0-847D92C3A09D}"/>
                </a:ext>
              </a:extLst>
            </p:cNvPr>
            <p:cNvSpPr/>
            <p:nvPr/>
          </p:nvSpPr>
          <p:spPr>
            <a:xfrm>
              <a:off x="3654655" y="2094689"/>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KLIKI </a:t>
              </a:r>
            </a:p>
            <a:p>
              <a:pPr algn="ctr"/>
              <a:r>
                <a:rPr lang="en-US" sz="1400" b="1" u="sng" dirty="0">
                  <a:solidFill>
                    <a:schemeClr val="bg1"/>
                  </a:solidFill>
                  <a:latin typeface="Calibri" panose="020F0502020204030204" pitchFamily="34" charset="0"/>
                  <a:cs typeface="Calibri" panose="020F0502020204030204" pitchFamily="34" charset="0"/>
                </a:rPr>
                <a:t>SIIN</a:t>
              </a:r>
            </a:p>
          </p:txBody>
        </p:sp>
      </p:grpSp>
      <p:sp>
        <p:nvSpPr>
          <p:cNvPr id="20" name="Text Placeholder 3">
            <a:extLst>
              <a:ext uri="{FF2B5EF4-FFF2-40B4-BE49-F238E27FC236}">
                <a16:creationId xmlns:a16="http://schemas.microsoft.com/office/drawing/2014/main" id="{B51BBCC8-2C5E-5241-A61D-8AC24ECB26E7}"/>
              </a:ext>
            </a:extLst>
          </p:cNvPr>
          <p:cNvSpPr txBox="1">
            <a:spLocks/>
          </p:cNvSpPr>
          <p:nvPr/>
        </p:nvSpPr>
        <p:spPr>
          <a:xfrm>
            <a:off x="3772380" y="3466076"/>
            <a:ext cx="2350673"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GB" dirty="0"/>
              <a:t>Probleemide lahendamine ja kodanikuosalus (inglise keeles)</a:t>
            </a:r>
            <a:endParaRPr lang="en-RU" dirty="0"/>
          </a:p>
        </p:txBody>
      </p:sp>
      <p:pic>
        <p:nvPicPr>
          <p:cNvPr id="21" name="Picture 20">
            <a:extLst>
              <a:ext uri="{FF2B5EF4-FFF2-40B4-BE49-F238E27FC236}">
                <a16:creationId xmlns:a16="http://schemas.microsoft.com/office/drawing/2014/main" id="{9C46A7C8-2B49-D04A-B9A1-238ADDAFC301}"/>
              </a:ext>
            </a:extLst>
          </p:cNvPr>
          <p:cNvPicPr>
            <a:picLocks noChangeAspect="1"/>
          </p:cNvPicPr>
          <p:nvPr/>
        </p:nvPicPr>
        <p:blipFill rotWithShape="1">
          <a:blip r:embed="rId6" cstate="email">
            <a:extLst>
              <a:ext uri="{28A0092B-C50C-407E-A947-70E740481C1C}">
                <a14:useLocalDpi xmlns:a14="http://schemas.microsoft.com/office/drawing/2010/main"/>
              </a:ext>
            </a:extLst>
          </a:blip>
          <a:srcRect/>
          <a:stretch/>
        </p:blipFill>
        <p:spPr>
          <a:xfrm>
            <a:off x="60190" y="3123422"/>
            <a:ext cx="3507789" cy="2131200"/>
          </a:xfrm>
          <a:prstGeom prst="rect">
            <a:avLst/>
          </a:prstGeom>
        </p:spPr>
      </p:pic>
      <p:pic>
        <p:nvPicPr>
          <p:cNvPr id="22" name="Picture 21">
            <a:hlinkClick r:id="rId10"/>
            <a:extLst>
              <a:ext uri="{FF2B5EF4-FFF2-40B4-BE49-F238E27FC236}">
                <a16:creationId xmlns:a16="http://schemas.microsoft.com/office/drawing/2014/main" id="{11BDB104-46EF-984B-83ED-8E220A47D701}"/>
              </a:ext>
            </a:extLst>
          </p:cNvPr>
          <p:cNvPicPr>
            <a:picLocks noChangeAspect="1"/>
          </p:cNvPicPr>
          <p:nvPr/>
        </p:nvPicPr>
        <p:blipFill>
          <a:blip r:embed="rId11" cstate="email">
            <a:extLst>
              <a:ext uri="{28A0092B-C50C-407E-A947-70E740481C1C}">
                <a14:useLocalDpi xmlns:a14="http://schemas.microsoft.com/office/drawing/2010/main"/>
              </a:ext>
            </a:extLst>
          </a:blip>
          <a:srcRect l="4239" r="4239"/>
          <a:stretch/>
        </p:blipFill>
        <p:spPr>
          <a:xfrm>
            <a:off x="585463" y="3317323"/>
            <a:ext cx="2488557" cy="1532966"/>
          </a:xfrm>
          <a:prstGeom prst="rect">
            <a:avLst/>
          </a:prstGeom>
        </p:spPr>
      </p:pic>
      <p:grpSp>
        <p:nvGrpSpPr>
          <p:cNvPr id="39" name="Group 38">
            <a:extLst>
              <a:ext uri="{FF2B5EF4-FFF2-40B4-BE49-F238E27FC236}">
                <a16:creationId xmlns:a16="http://schemas.microsoft.com/office/drawing/2014/main" id="{2D6BFF52-B89C-9D47-84DD-513A322A0A1E}"/>
              </a:ext>
            </a:extLst>
          </p:cNvPr>
          <p:cNvGrpSpPr/>
          <p:nvPr/>
        </p:nvGrpSpPr>
        <p:grpSpPr>
          <a:xfrm>
            <a:off x="2829489" y="4279833"/>
            <a:ext cx="942892" cy="910807"/>
            <a:chOff x="2829489" y="4279833"/>
            <a:chExt cx="942892" cy="910807"/>
          </a:xfrm>
        </p:grpSpPr>
        <p:sp>
          <p:nvSpPr>
            <p:cNvPr id="24" name="Oval 23">
              <a:hlinkClick r:id="rId12"/>
              <a:extLst>
                <a:ext uri="{FF2B5EF4-FFF2-40B4-BE49-F238E27FC236}">
                  <a16:creationId xmlns:a16="http://schemas.microsoft.com/office/drawing/2014/main" id="{C5395BE5-FA63-0C42-BD60-BEA20E8036BE}"/>
                </a:ext>
              </a:extLst>
            </p:cNvPr>
            <p:cNvSpPr/>
            <p:nvPr/>
          </p:nvSpPr>
          <p:spPr>
            <a:xfrm>
              <a:off x="2861573" y="4279833"/>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Rectangle 24">
              <a:extLst>
                <a:ext uri="{FF2B5EF4-FFF2-40B4-BE49-F238E27FC236}">
                  <a16:creationId xmlns:a16="http://schemas.microsoft.com/office/drawing/2014/main" id="{7B064FD0-8746-8D4C-9D7B-77E6A3F3B92C}"/>
                </a:ext>
              </a:extLst>
            </p:cNvPr>
            <p:cNvSpPr/>
            <p:nvPr/>
          </p:nvSpPr>
          <p:spPr>
            <a:xfrm>
              <a:off x="2829489" y="4467699"/>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KLIKI </a:t>
              </a:r>
            </a:p>
            <a:p>
              <a:pPr algn="ctr"/>
              <a:r>
                <a:rPr lang="en-US" sz="1400" b="1" u="sng" dirty="0">
                  <a:solidFill>
                    <a:schemeClr val="bg1"/>
                  </a:solidFill>
                  <a:latin typeface="Calibri" panose="020F0502020204030204" pitchFamily="34" charset="0"/>
                  <a:cs typeface="Calibri" panose="020F0502020204030204" pitchFamily="34" charset="0"/>
                </a:rPr>
                <a:t>SIIN</a:t>
              </a:r>
            </a:p>
          </p:txBody>
        </p:sp>
      </p:grpSp>
      <p:sp>
        <p:nvSpPr>
          <p:cNvPr id="26" name="Text Placeholder 3">
            <a:extLst>
              <a:ext uri="{FF2B5EF4-FFF2-40B4-BE49-F238E27FC236}">
                <a16:creationId xmlns:a16="http://schemas.microsoft.com/office/drawing/2014/main" id="{48949C7A-4702-1E48-83B6-AB0233F2EB0F}"/>
              </a:ext>
            </a:extLst>
          </p:cNvPr>
          <p:cNvSpPr txBox="1">
            <a:spLocks/>
          </p:cNvSpPr>
          <p:nvPr/>
        </p:nvSpPr>
        <p:spPr>
          <a:xfrm>
            <a:off x="1308891" y="6141036"/>
            <a:ext cx="2689903"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dirty="0"/>
              <a:t>ÜRO säästva arengu eesmärgid (SDG): mis need on ja miks need on olulised (inglise keeles)</a:t>
            </a:r>
            <a:endParaRPr lang="en-RU" dirty="0"/>
          </a:p>
        </p:txBody>
      </p:sp>
      <p:pic>
        <p:nvPicPr>
          <p:cNvPr id="27" name="Picture 26">
            <a:extLst>
              <a:ext uri="{FF2B5EF4-FFF2-40B4-BE49-F238E27FC236}">
                <a16:creationId xmlns:a16="http://schemas.microsoft.com/office/drawing/2014/main" id="{835C09F4-5014-9E4C-85D1-53D71A7FBA5A}"/>
              </a:ext>
            </a:extLst>
          </p:cNvPr>
          <p:cNvPicPr>
            <a:picLocks noChangeAspect="1"/>
          </p:cNvPicPr>
          <p:nvPr/>
        </p:nvPicPr>
        <p:blipFill rotWithShape="1">
          <a:blip r:embed="rId6" cstate="email">
            <a:extLst>
              <a:ext uri="{28A0092B-C50C-407E-A947-70E740481C1C}">
                <a14:useLocalDpi xmlns:a14="http://schemas.microsoft.com/office/drawing/2010/main"/>
              </a:ext>
            </a:extLst>
          </a:blip>
          <a:srcRect/>
          <a:stretch/>
        </p:blipFill>
        <p:spPr>
          <a:xfrm>
            <a:off x="3772381" y="5416247"/>
            <a:ext cx="3511667" cy="2133556"/>
          </a:xfrm>
          <a:prstGeom prst="rect">
            <a:avLst/>
          </a:prstGeom>
        </p:spPr>
      </p:pic>
      <p:pic>
        <p:nvPicPr>
          <p:cNvPr id="28" name="Picture 27">
            <a:hlinkClick r:id="rId13"/>
            <a:extLst>
              <a:ext uri="{FF2B5EF4-FFF2-40B4-BE49-F238E27FC236}">
                <a16:creationId xmlns:a16="http://schemas.microsoft.com/office/drawing/2014/main" id="{003014B4-9695-014A-86D3-B6E86CFD20BB}"/>
              </a:ext>
            </a:extLst>
          </p:cNvPr>
          <p:cNvPicPr>
            <a:picLocks noChangeAspect="1"/>
          </p:cNvPicPr>
          <p:nvPr/>
        </p:nvPicPr>
        <p:blipFill>
          <a:blip r:embed="rId14" cstate="email">
            <a:extLst>
              <a:ext uri="{28A0092B-C50C-407E-A947-70E740481C1C}">
                <a14:useLocalDpi xmlns:a14="http://schemas.microsoft.com/office/drawing/2010/main"/>
              </a:ext>
            </a:extLst>
          </a:blip>
          <a:srcRect l="1973" r="1973"/>
          <a:stretch/>
        </p:blipFill>
        <p:spPr>
          <a:xfrm>
            <a:off x="4297654" y="5610148"/>
            <a:ext cx="2488557" cy="1532966"/>
          </a:xfrm>
          <a:prstGeom prst="rect">
            <a:avLst/>
          </a:prstGeom>
        </p:spPr>
      </p:pic>
      <p:grpSp>
        <p:nvGrpSpPr>
          <p:cNvPr id="40" name="Group 39">
            <a:extLst>
              <a:ext uri="{FF2B5EF4-FFF2-40B4-BE49-F238E27FC236}">
                <a16:creationId xmlns:a16="http://schemas.microsoft.com/office/drawing/2014/main" id="{4F2DEF2C-F98C-C24A-87A1-CB42EC09F2C8}"/>
              </a:ext>
            </a:extLst>
          </p:cNvPr>
          <p:cNvGrpSpPr/>
          <p:nvPr/>
        </p:nvGrpSpPr>
        <p:grpSpPr>
          <a:xfrm>
            <a:off x="3608158" y="6842702"/>
            <a:ext cx="942892" cy="910807"/>
            <a:chOff x="3608158" y="6842702"/>
            <a:chExt cx="942892" cy="910807"/>
          </a:xfrm>
        </p:grpSpPr>
        <p:sp>
          <p:nvSpPr>
            <p:cNvPr id="30" name="Oval 29">
              <a:hlinkClick r:id="rId15"/>
              <a:extLst>
                <a:ext uri="{FF2B5EF4-FFF2-40B4-BE49-F238E27FC236}">
                  <a16:creationId xmlns:a16="http://schemas.microsoft.com/office/drawing/2014/main" id="{F2C3EDAB-B17F-194F-9140-5CEECA611646}"/>
                </a:ext>
              </a:extLst>
            </p:cNvPr>
            <p:cNvSpPr/>
            <p:nvPr/>
          </p:nvSpPr>
          <p:spPr>
            <a:xfrm>
              <a:off x="3640242" y="6842702"/>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1" name="Rectangle 30">
              <a:extLst>
                <a:ext uri="{FF2B5EF4-FFF2-40B4-BE49-F238E27FC236}">
                  <a16:creationId xmlns:a16="http://schemas.microsoft.com/office/drawing/2014/main" id="{7B09C921-B2E9-6540-B3F5-195480D42F6B}"/>
                </a:ext>
              </a:extLst>
            </p:cNvPr>
            <p:cNvSpPr/>
            <p:nvPr/>
          </p:nvSpPr>
          <p:spPr>
            <a:xfrm>
              <a:off x="3608158" y="7030568"/>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KLIKI </a:t>
              </a:r>
            </a:p>
            <a:p>
              <a:pPr algn="ctr"/>
              <a:r>
                <a:rPr lang="en-US" sz="1400" b="1" u="sng" dirty="0">
                  <a:solidFill>
                    <a:schemeClr val="bg1"/>
                  </a:solidFill>
                  <a:latin typeface="Calibri" panose="020F0502020204030204" pitchFamily="34" charset="0"/>
                  <a:cs typeface="Calibri" panose="020F0502020204030204" pitchFamily="34" charset="0"/>
                </a:rPr>
                <a:t>SIIN</a:t>
              </a:r>
            </a:p>
          </p:txBody>
        </p:sp>
      </p:grpSp>
      <p:pic>
        <p:nvPicPr>
          <p:cNvPr id="32" name="Picture 31">
            <a:extLst>
              <a:ext uri="{FF2B5EF4-FFF2-40B4-BE49-F238E27FC236}">
                <a16:creationId xmlns:a16="http://schemas.microsoft.com/office/drawing/2014/main" id="{7D2D42FE-6CC6-E24A-B636-A7E15789330E}"/>
              </a:ext>
            </a:extLst>
          </p:cNvPr>
          <p:cNvPicPr>
            <a:picLocks noChangeAspect="1"/>
          </p:cNvPicPr>
          <p:nvPr/>
        </p:nvPicPr>
        <p:blipFill rotWithShape="1">
          <a:blip r:embed="rId6" cstate="email">
            <a:extLst>
              <a:ext uri="{28A0092B-C50C-407E-A947-70E740481C1C}">
                <a14:useLocalDpi xmlns:a14="http://schemas.microsoft.com/office/drawing/2010/main"/>
              </a:ext>
            </a:extLst>
          </a:blip>
          <a:srcRect/>
          <a:stretch/>
        </p:blipFill>
        <p:spPr>
          <a:xfrm>
            <a:off x="46542" y="7668127"/>
            <a:ext cx="3507789" cy="2131200"/>
          </a:xfrm>
          <a:prstGeom prst="rect">
            <a:avLst/>
          </a:prstGeom>
        </p:spPr>
      </p:pic>
      <p:pic>
        <p:nvPicPr>
          <p:cNvPr id="33" name="Picture 32">
            <a:hlinkClick r:id="rId16"/>
            <a:extLst>
              <a:ext uri="{FF2B5EF4-FFF2-40B4-BE49-F238E27FC236}">
                <a16:creationId xmlns:a16="http://schemas.microsoft.com/office/drawing/2014/main" id="{06CC9329-6960-BA41-87D1-95B59FAE8416}"/>
              </a:ext>
            </a:extLst>
          </p:cNvPr>
          <p:cNvPicPr>
            <a:picLocks noChangeAspect="1"/>
          </p:cNvPicPr>
          <p:nvPr/>
        </p:nvPicPr>
        <p:blipFill rotWithShape="1">
          <a:blip r:embed="rId17" cstate="email">
            <a:extLst>
              <a:ext uri="{28A0092B-C50C-407E-A947-70E740481C1C}">
                <a14:useLocalDpi xmlns:a14="http://schemas.microsoft.com/office/drawing/2010/main"/>
              </a:ext>
            </a:extLst>
          </a:blip>
          <a:srcRect l="930" t="688" r="7876" b="186"/>
          <a:stretch/>
        </p:blipFill>
        <p:spPr>
          <a:xfrm>
            <a:off x="571815" y="7847463"/>
            <a:ext cx="2502205" cy="1547531"/>
          </a:xfrm>
          <a:prstGeom prst="rect">
            <a:avLst/>
          </a:prstGeom>
        </p:spPr>
      </p:pic>
      <p:grpSp>
        <p:nvGrpSpPr>
          <p:cNvPr id="34" name="Group 33">
            <a:extLst>
              <a:ext uri="{FF2B5EF4-FFF2-40B4-BE49-F238E27FC236}">
                <a16:creationId xmlns:a16="http://schemas.microsoft.com/office/drawing/2014/main" id="{766EF18C-779A-9242-AA4D-C4547CDC5DD1}"/>
              </a:ext>
            </a:extLst>
          </p:cNvPr>
          <p:cNvGrpSpPr/>
          <p:nvPr/>
        </p:nvGrpSpPr>
        <p:grpSpPr>
          <a:xfrm>
            <a:off x="2636661" y="8443491"/>
            <a:ext cx="942892" cy="910807"/>
            <a:chOff x="6430739" y="1278416"/>
            <a:chExt cx="942892" cy="910807"/>
          </a:xfrm>
        </p:grpSpPr>
        <p:sp>
          <p:nvSpPr>
            <p:cNvPr id="35" name="Oval 34">
              <a:extLst>
                <a:ext uri="{FF2B5EF4-FFF2-40B4-BE49-F238E27FC236}">
                  <a16:creationId xmlns:a16="http://schemas.microsoft.com/office/drawing/2014/main" id="{313A6FF3-49D5-004F-872D-91C5A6061FD8}"/>
                </a:ext>
              </a:extLst>
            </p:cNvPr>
            <p:cNvSpPr/>
            <p:nvPr/>
          </p:nvSpPr>
          <p:spPr>
            <a:xfrm>
              <a:off x="6462823" y="1278416"/>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6" name="Rectangle 35">
              <a:extLst>
                <a:ext uri="{FF2B5EF4-FFF2-40B4-BE49-F238E27FC236}">
                  <a16:creationId xmlns:a16="http://schemas.microsoft.com/office/drawing/2014/main" id="{A39F31FB-5704-F24D-9529-8B92398A576A}"/>
                </a:ext>
              </a:extLst>
            </p:cNvPr>
            <p:cNvSpPr/>
            <p:nvPr/>
          </p:nvSpPr>
          <p:spPr>
            <a:xfrm>
              <a:off x="6430739" y="1466282"/>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KLIKI </a:t>
              </a:r>
            </a:p>
            <a:p>
              <a:pPr algn="ctr"/>
              <a:r>
                <a:rPr lang="en-US" sz="1400" b="1" u="sng" dirty="0">
                  <a:solidFill>
                    <a:schemeClr val="bg1"/>
                  </a:solidFill>
                  <a:latin typeface="Calibri" panose="020F0502020204030204" pitchFamily="34" charset="0"/>
                  <a:cs typeface="Calibri" panose="020F0502020204030204" pitchFamily="34" charset="0"/>
                </a:rPr>
                <a:t>SIIN</a:t>
              </a:r>
            </a:p>
          </p:txBody>
        </p:sp>
      </p:grpSp>
      <p:sp>
        <p:nvSpPr>
          <p:cNvPr id="37" name="Text Placeholder 3">
            <a:extLst>
              <a:ext uri="{FF2B5EF4-FFF2-40B4-BE49-F238E27FC236}">
                <a16:creationId xmlns:a16="http://schemas.microsoft.com/office/drawing/2014/main" id="{E7E408D7-E3F6-2041-8309-D65D2B2DF4D8}"/>
              </a:ext>
            </a:extLst>
          </p:cNvPr>
          <p:cNvSpPr txBox="1">
            <a:spLocks/>
          </p:cNvSpPr>
          <p:nvPr/>
        </p:nvSpPr>
        <p:spPr>
          <a:xfrm>
            <a:off x="4029233" y="8697001"/>
            <a:ext cx="2063341"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fontAlgn="base"/>
            <a:r>
              <a:rPr lang="en-US"/>
              <a:t>Vaadake inglisekeelset videot, Ted Talki, mis käsitleb uut kodanikuosaluse mudelit</a:t>
            </a:r>
          </a:p>
          <a:p>
            <a:endParaRPr lang="en-RU" dirty="0"/>
          </a:p>
        </p:txBody>
      </p:sp>
      <p:cxnSp>
        <p:nvCxnSpPr>
          <p:cNvPr id="3" name="Straight Connector 2">
            <a:extLst>
              <a:ext uri="{FF2B5EF4-FFF2-40B4-BE49-F238E27FC236}">
                <a16:creationId xmlns:a16="http://schemas.microsoft.com/office/drawing/2014/main" id="{16F1E925-4F0F-A46E-64AB-FD1027C62002}"/>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173C2856-183B-D9B7-1BC6-FFB55EA7CFE3}"/>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1762585068"/>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Placeholder 5">
            <a:extLst>
              <a:ext uri="{FF2B5EF4-FFF2-40B4-BE49-F238E27FC236}">
                <a16:creationId xmlns:a16="http://schemas.microsoft.com/office/drawing/2014/main" id="{E984712A-7F79-544A-9517-E865CD823515}"/>
              </a:ext>
            </a:extLst>
          </p:cNvPr>
          <p:cNvPicPr>
            <a:picLocks noGrp="1" noChangeAspect="1"/>
          </p:cNvPicPr>
          <p:nvPr>
            <p:ph type="pic" sz="quarter" idx="10"/>
          </p:nvPr>
        </p:nvPicPr>
        <p:blipFill rotWithShape="1">
          <a:blip r:embed="rId2" cstate="email">
            <a:extLst>
              <a:ext uri="{28A0092B-C50C-407E-A947-70E740481C1C}">
                <a14:useLocalDpi xmlns:a14="http://schemas.microsoft.com/office/drawing/2010/main"/>
              </a:ext>
            </a:extLst>
          </a:blip>
          <a:srcRect t="12615" b="2179"/>
          <a:stretch/>
        </p:blipFill>
        <p:spPr>
          <a:xfrm>
            <a:off x="0" y="2941638"/>
            <a:ext cx="7559675" cy="4294187"/>
          </a:xfrm>
        </p:spPr>
      </p:pic>
      <p:sp>
        <p:nvSpPr>
          <p:cNvPr id="4" name="Text Placeholder 3">
            <a:extLst>
              <a:ext uri="{FF2B5EF4-FFF2-40B4-BE49-F238E27FC236}">
                <a16:creationId xmlns:a16="http://schemas.microsoft.com/office/drawing/2014/main" id="{11C79A5B-7C56-5F44-BC19-E74BCD7E56F8}"/>
              </a:ext>
            </a:extLst>
          </p:cNvPr>
          <p:cNvSpPr>
            <a:spLocks noGrp="1"/>
          </p:cNvSpPr>
          <p:nvPr>
            <p:ph type="body" sz="quarter" idx="14"/>
          </p:nvPr>
        </p:nvSpPr>
        <p:spPr/>
        <p:txBody>
          <a:bodyPr/>
          <a:lstStyle/>
          <a:p>
            <a:r>
              <a:rPr lang="en-US" b="1" dirty="0"/>
              <a:t>1.	SISSEJUHATUS </a:t>
            </a:r>
            <a:endParaRPr lang="en-RU" b="1" i="1" dirty="0"/>
          </a:p>
        </p:txBody>
      </p:sp>
      <p:grpSp>
        <p:nvGrpSpPr>
          <p:cNvPr id="9" name="Graphic 7">
            <a:extLst>
              <a:ext uri="{FF2B5EF4-FFF2-40B4-BE49-F238E27FC236}">
                <a16:creationId xmlns:a16="http://schemas.microsoft.com/office/drawing/2014/main" id="{450AC6F2-3B0A-CF47-9D08-D1D8097AB8C5}"/>
              </a:ext>
            </a:extLst>
          </p:cNvPr>
          <p:cNvGrpSpPr/>
          <p:nvPr/>
        </p:nvGrpSpPr>
        <p:grpSpPr>
          <a:xfrm>
            <a:off x="6095054" y="3072527"/>
            <a:ext cx="800048" cy="208517"/>
            <a:chOff x="63925" y="4378813"/>
            <a:chExt cx="7430837" cy="1936702"/>
          </a:xfrm>
          <a:solidFill>
            <a:srgbClr val="F16A4C"/>
          </a:solidFill>
        </p:grpSpPr>
        <p:sp>
          <p:nvSpPr>
            <p:cNvPr id="10" name="Freeform 9">
              <a:extLst>
                <a:ext uri="{FF2B5EF4-FFF2-40B4-BE49-F238E27FC236}">
                  <a16:creationId xmlns:a16="http://schemas.microsoft.com/office/drawing/2014/main" id="{E6F2B475-4E58-E84A-A79D-CA6FB4617AE0}"/>
                </a:ext>
              </a:extLst>
            </p:cNvPr>
            <p:cNvSpPr/>
            <p:nvPr/>
          </p:nvSpPr>
          <p:spPr>
            <a:xfrm>
              <a:off x="63925"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014" y="805716"/>
                    <a:pt x="0" y="625111"/>
                    <a:pt x="0" y="402723"/>
                  </a:cubicBezTo>
                  <a:cubicBezTo>
                    <a:pt x="0" y="180336"/>
                    <a:pt x="180014" y="0"/>
                    <a:pt x="402494" y="0"/>
                  </a:cubicBezTo>
                  <a:cubicBezTo>
                    <a:pt x="624795" y="0"/>
                    <a:pt x="804899" y="180336"/>
                    <a:pt x="804899" y="402723"/>
                  </a:cubicBezTo>
                </a:path>
              </a:pathLst>
            </a:custGeom>
            <a:solidFill>
              <a:srgbClr val="F16A4C"/>
            </a:solidFill>
            <a:ln w="8971" cap="flat">
              <a:noFill/>
              <a:prstDash val="solid"/>
              <a:miter/>
            </a:ln>
          </p:spPr>
          <p:txBody>
            <a:bodyPr rtlCol="0" anchor="ctr"/>
            <a:lstStyle/>
            <a:p>
              <a:endParaRPr lang="en-RU"/>
            </a:p>
          </p:txBody>
        </p:sp>
        <p:sp>
          <p:nvSpPr>
            <p:cNvPr id="11" name="Freeform 10">
              <a:extLst>
                <a:ext uri="{FF2B5EF4-FFF2-40B4-BE49-F238E27FC236}">
                  <a16:creationId xmlns:a16="http://schemas.microsoft.com/office/drawing/2014/main" id="{10B45AAA-9ED4-D049-A583-EA72E73237B3}"/>
                </a:ext>
              </a:extLst>
            </p:cNvPr>
            <p:cNvSpPr/>
            <p:nvPr/>
          </p:nvSpPr>
          <p:spPr>
            <a:xfrm>
              <a:off x="1519117"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283" y="805716"/>
                    <a:pt x="0" y="625111"/>
                    <a:pt x="0" y="402723"/>
                  </a:cubicBezTo>
                  <a:cubicBezTo>
                    <a:pt x="0" y="180336"/>
                    <a:pt x="180283" y="0"/>
                    <a:pt x="402494" y="0"/>
                  </a:cubicBezTo>
                  <a:cubicBezTo>
                    <a:pt x="624706" y="0"/>
                    <a:pt x="804899" y="180336"/>
                    <a:pt x="804899" y="402723"/>
                  </a:cubicBezTo>
                </a:path>
              </a:pathLst>
            </a:custGeom>
            <a:solidFill>
              <a:srgbClr val="F16A4C"/>
            </a:solidFill>
            <a:ln w="8971" cap="flat">
              <a:noFill/>
              <a:prstDash val="solid"/>
              <a:miter/>
            </a:ln>
          </p:spPr>
          <p:txBody>
            <a:bodyPr rtlCol="0" anchor="ctr"/>
            <a:lstStyle/>
            <a:p>
              <a:endParaRPr lang="en-RU"/>
            </a:p>
          </p:txBody>
        </p:sp>
        <p:sp>
          <p:nvSpPr>
            <p:cNvPr id="12" name="Freeform 11">
              <a:extLst>
                <a:ext uri="{FF2B5EF4-FFF2-40B4-BE49-F238E27FC236}">
                  <a16:creationId xmlns:a16="http://schemas.microsoft.com/office/drawing/2014/main" id="{6B69B496-BDFC-594C-BE26-FC8BC32ADA57}"/>
                </a:ext>
              </a:extLst>
            </p:cNvPr>
            <p:cNvSpPr/>
            <p:nvPr/>
          </p:nvSpPr>
          <p:spPr>
            <a:xfrm>
              <a:off x="2974220" y="4378813"/>
              <a:ext cx="805078" cy="805716"/>
            </a:xfrm>
            <a:custGeom>
              <a:avLst/>
              <a:gdLst>
                <a:gd name="connsiteX0" fmla="*/ 805079 w 805078"/>
                <a:gd name="connsiteY0" fmla="*/ 402723 h 805716"/>
                <a:gd name="connsiteX1" fmla="*/ 402674 w 805078"/>
                <a:gd name="connsiteY1" fmla="*/ 805716 h 805716"/>
                <a:gd name="connsiteX2" fmla="*/ 0 w 805078"/>
                <a:gd name="connsiteY2" fmla="*/ 402723 h 805716"/>
                <a:gd name="connsiteX3" fmla="*/ 402674 w 805078"/>
                <a:gd name="connsiteY3" fmla="*/ 0 h 805716"/>
                <a:gd name="connsiteX4" fmla="*/ 805079 w 80507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716">
                  <a:moveTo>
                    <a:pt x="805079" y="402723"/>
                  </a:moveTo>
                  <a:cubicBezTo>
                    <a:pt x="805079" y="625111"/>
                    <a:pt x="624885" y="805716"/>
                    <a:pt x="402674" y="805716"/>
                  </a:cubicBezTo>
                  <a:cubicBezTo>
                    <a:pt x="180463" y="805716"/>
                    <a:pt x="0" y="625111"/>
                    <a:pt x="0" y="402723"/>
                  </a:cubicBezTo>
                  <a:cubicBezTo>
                    <a:pt x="0" y="180336"/>
                    <a:pt x="180463" y="0"/>
                    <a:pt x="402674" y="0"/>
                  </a:cubicBezTo>
                  <a:cubicBezTo>
                    <a:pt x="624885" y="0"/>
                    <a:pt x="805079" y="180336"/>
                    <a:pt x="805079" y="402723"/>
                  </a:cubicBezTo>
                </a:path>
              </a:pathLst>
            </a:custGeom>
            <a:solidFill>
              <a:srgbClr val="F16A4C"/>
            </a:solid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F8B2F58A-114B-DB4E-8BE8-AB2F8D4DC4C8}"/>
                </a:ext>
              </a:extLst>
            </p:cNvPr>
            <p:cNvSpPr/>
            <p:nvPr/>
          </p:nvSpPr>
          <p:spPr>
            <a:xfrm>
              <a:off x="4429502"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96" y="0"/>
                    <a:pt x="804899" y="180336"/>
                    <a:pt x="804899" y="402723"/>
                  </a:cubicBezTo>
                </a:path>
              </a:pathLst>
            </a:custGeom>
            <a:solidFill>
              <a:srgbClr val="F16A4C"/>
            </a:solidFill>
            <a:ln w="8971" cap="flat">
              <a:noFill/>
              <a:prstDash val="solid"/>
              <a:miter/>
            </a:ln>
          </p:spPr>
          <p:txBody>
            <a:bodyPr rtlCol="0" anchor="ctr"/>
            <a:lstStyle/>
            <a:p>
              <a:endParaRPr lang="en-RU"/>
            </a:p>
          </p:txBody>
        </p:sp>
        <p:sp>
          <p:nvSpPr>
            <p:cNvPr id="14" name="Freeform 13">
              <a:extLst>
                <a:ext uri="{FF2B5EF4-FFF2-40B4-BE49-F238E27FC236}">
                  <a16:creationId xmlns:a16="http://schemas.microsoft.com/office/drawing/2014/main" id="{CD475DD1-83CE-E645-8726-E95C94EF67F7}"/>
                </a:ext>
              </a:extLst>
            </p:cNvPr>
            <p:cNvSpPr/>
            <p:nvPr/>
          </p:nvSpPr>
          <p:spPr>
            <a:xfrm>
              <a:off x="5884695"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06" y="0"/>
                    <a:pt x="804899" y="180336"/>
                    <a:pt x="804899" y="402723"/>
                  </a:cubicBezTo>
                </a:path>
              </a:pathLst>
            </a:custGeom>
            <a:solidFill>
              <a:srgbClr val="F16A4C"/>
            </a:solid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183A66D2-AEA3-FA43-8B4D-DB8DB47C2258}"/>
                </a:ext>
              </a:extLst>
            </p:cNvPr>
            <p:cNvSpPr/>
            <p:nvPr/>
          </p:nvSpPr>
          <p:spPr>
            <a:xfrm>
              <a:off x="86882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193" y="805627"/>
                    <a:pt x="0" y="625201"/>
                    <a:pt x="0" y="402724"/>
                  </a:cubicBezTo>
                  <a:cubicBezTo>
                    <a:pt x="0" y="180336"/>
                    <a:pt x="180193" y="0"/>
                    <a:pt x="402674" y="0"/>
                  </a:cubicBezTo>
                  <a:cubicBezTo>
                    <a:pt x="624975" y="0"/>
                    <a:pt x="805079" y="180246"/>
                    <a:pt x="805079" y="402724"/>
                  </a:cubicBezTo>
                </a:path>
              </a:pathLst>
            </a:custGeom>
            <a:solidFill>
              <a:srgbClr val="F16A4C"/>
            </a:solid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878D8856-AFF5-B846-BDDB-DA51D78443DD}"/>
                </a:ext>
              </a:extLst>
            </p:cNvPr>
            <p:cNvSpPr/>
            <p:nvPr/>
          </p:nvSpPr>
          <p:spPr>
            <a:xfrm>
              <a:off x="2324106"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463" y="805627"/>
                    <a:pt x="0" y="625201"/>
                    <a:pt x="0" y="402724"/>
                  </a:cubicBezTo>
                  <a:cubicBezTo>
                    <a:pt x="0" y="180336"/>
                    <a:pt x="180463" y="0"/>
                    <a:pt x="402674" y="0"/>
                  </a:cubicBezTo>
                  <a:cubicBezTo>
                    <a:pt x="624885" y="0"/>
                    <a:pt x="805079" y="180246"/>
                    <a:pt x="805079" y="402724"/>
                  </a:cubicBezTo>
                </a:path>
              </a:pathLst>
            </a:custGeom>
            <a:solidFill>
              <a:srgbClr val="F16A4C"/>
            </a:solidFill>
            <a:ln w="8971" cap="flat">
              <a:noFill/>
              <a:prstDash val="solid"/>
              <a:miter/>
            </a:ln>
          </p:spPr>
          <p:txBody>
            <a:bodyPr rtlCol="0" anchor="ctr"/>
            <a:lstStyle/>
            <a:p>
              <a:endParaRPr lang="en-RU"/>
            </a:p>
          </p:txBody>
        </p:sp>
        <p:sp>
          <p:nvSpPr>
            <p:cNvPr id="17" name="Freeform 16">
              <a:extLst>
                <a:ext uri="{FF2B5EF4-FFF2-40B4-BE49-F238E27FC236}">
                  <a16:creationId xmlns:a16="http://schemas.microsoft.com/office/drawing/2014/main" id="{E71D6578-9FFA-4D4E-A9D8-03A48EE86EE1}"/>
                </a:ext>
              </a:extLst>
            </p:cNvPr>
            <p:cNvSpPr/>
            <p:nvPr/>
          </p:nvSpPr>
          <p:spPr>
            <a:xfrm>
              <a:off x="3779298"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3" y="805627"/>
                    <a:pt x="0" y="625201"/>
                    <a:pt x="0" y="402724"/>
                  </a:cubicBezTo>
                  <a:cubicBezTo>
                    <a:pt x="0" y="180336"/>
                    <a:pt x="180463" y="0"/>
                    <a:pt x="402674" y="0"/>
                  </a:cubicBezTo>
                  <a:cubicBezTo>
                    <a:pt x="624885" y="0"/>
                    <a:pt x="805078" y="180246"/>
                    <a:pt x="805078" y="402724"/>
                  </a:cubicBezTo>
                </a:path>
              </a:pathLst>
            </a:custGeom>
            <a:solidFill>
              <a:srgbClr val="F16A4C"/>
            </a:solidFill>
            <a:ln w="8971" cap="flat">
              <a:noFill/>
              <a:prstDash val="solid"/>
              <a:miter/>
            </a:ln>
          </p:spPr>
          <p:txBody>
            <a:bodyPr rtlCol="0" anchor="ctr"/>
            <a:lstStyle/>
            <a:p>
              <a:endParaRPr lang="en-RU"/>
            </a:p>
          </p:txBody>
        </p:sp>
        <p:sp>
          <p:nvSpPr>
            <p:cNvPr id="18" name="Freeform 17">
              <a:extLst>
                <a:ext uri="{FF2B5EF4-FFF2-40B4-BE49-F238E27FC236}">
                  <a16:creationId xmlns:a16="http://schemas.microsoft.com/office/drawing/2014/main" id="{D91B3210-5433-5447-8473-B548C860FC99}"/>
                </a:ext>
              </a:extLst>
            </p:cNvPr>
            <p:cNvSpPr/>
            <p:nvPr/>
          </p:nvSpPr>
          <p:spPr>
            <a:xfrm>
              <a:off x="5234401"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2" y="805627"/>
                    <a:pt x="0" y="625201"/>
                    <a:pt x="0" y="402724"/>
                  </a:cubicBezTo>
                  <a:cubicBezTo>
                    <a:pt x="0" y="180336"/>
                    <a:pt x="180462" y="0"/>
                    <a:pt x="402674" y="0"/>
                  </a:cubicBezTo>
                  <a:cubicBezTo>
                    <a:pt x="624885" y="0"/>
                    <a:pt x="805078" y="180246"/>
                    <a:pt x="805078" y="402724"/>
                  </a:cubicBezTo>
                </a:path>
              </a:pathLst>
            </a:custGeom>
            <a:solidFill>
              <a:srgbClr val="F16A4C"/>
            </a:solidFill>
            <a:ln w="8971" cap="flat">
              <a:noFill/>
              <a:prstDash val="solid"/>
              <a:miter/>
            </a:ln>
          </p:spPr>
          <p:txBody>
            <a:bodyPr rtlCol="0" anchor="ctr"/>
            <a:lstStyle/>
            <a:p>
              <a:endParaRPr lang="en-RU"/>
            </a:p>
          </p:txBody>
        </p:sp>
        <p:sp>
          <p:nvSpPr>
            <p:cNvPr id="19" name="Freeform 18">
              <a:extLst>
                <a:ext uri="{FF2B5EF4-FFF2-40B4-BE49-F238E27FC236}">
                  <a16:creationId xmlns:a16="http://schemas.microsoft.com/office/drawing/2014/main" id="{6A388A84-8712-814D-85EF-A674635B08BB}"/>
                </a:ext>
              </a:extLst>
            </p:cNvPr>
            <p:cNvSpPr/>
            <p:nvPr/>
          </p:nvSpPr>
          <p:spPr>
            <a:xfrm>
              <a:off x="668968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6" y="805627"/>
                    <a:pt x="402674" y="805627"/>
                  </a:cubicBezTo>
                  <a:cubicBezTo>
                    <a:pt x="180463" y="805627"/>
                    <a:pt x="0" y="625201"/>
                    <a:pt x="0" y="402724"/>
                  </a:cubicBezTo>
                  <a:cubicBezTo>
                    <a:pt x="0" y="180336"/>
                    <a:pt x="180463" y="0"/>
                    <a:pt x="402674" y="0"/>
                  </a:cubicBezTo>
                  <a:cubicBezTo>
                    <a:pt x="624886" y="0"/>
                    <a:pt x="805079" y="180246"/>
                    <a:pt x="805079" y="402724"/>
                  </a:cubicBezTo>
                </a:path>
              </a:pathLst>
            </a:custGeom>
            <a:solidFill>
              <a:srgbClr val="F16A4C"/>
            </a:solidFill>
            <a:ln w="8971" cap="flat">
              <a:noFill/>
              <a:prstDash val="solid"/>
              <a:miter/>
            </a:ln>
          </p:spPr>
          <p:txBody>
            <a:bodyPr rtlCol="0" anchor="ctr"/>
            <a:lstStyle/>
            <a:p>
              <a:endParaRPr lang="en-RU"/>
            </a:p>
          </p:txBody>
        </p:sp>
      </p:grpSp>
    </p:spTree>
    <p:extLst>
      <p:ext uri="{BB962C8B-B14F-4D97-AF65-F5344CB8AC3E}">
        <p14:creationId xmlns:p14="http://schemas.microsoft.com/office/powerpoint/2010/main" val="3557068609"/>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A04ECA22-8EDF-AA4C-8F1D-DD121420B2A4}"/>
              </a:ext>
            </a:extLst>
          </p:cNvPr>
          <p:cNvSpPr>
            <a:spLocks noGrp="1"/>
          </p:cNvSpPr>
          <p:nvPr>
            <p:ph type="body" sz="quarter" idx="14"/>
          </p:nvPr>
        </p:nvSpPr>
        <p:spPr/>
        <p:txBody>
          <a:bodyPr/>
          <a:lstStyle/>
          <a:p>
            <a:endParaRPr lang="en-RU"/>
          </a:p>
        </p:txBody>
      </p:sp>
      <p:pic>
        <p:nvPicPr>
          <p:cNvPr id="5" name="Picture Placeholder 4">
            <a:extLst>
              <a:ext uri="{FF2B5EF4-FFF2-40B4-BE49-F238E27FC236}">
                <a16:creationId xmlns:a16="http://schemas.microsoft.com/office/drawing/2014/main" id="{29EDDE39-6AED-0B4A-93EF-0F81193DA477}"/>
              </a:ext>
            </a:extLst>
          </p:cNvPr>
          <p:cNvPicPr>
            <a:picLocks noGrp="1" noChangeAspect="1"/>
          </p:cNvPicPr>
          <p:nvPr>
            <p:ph type="pic" sz="quarter" idx="15"/>
          </p:nvPr>
        </p:nvPicPr>
        <p:blipFill>
          <a:blip r:embed="rId2" cstate="email">
            <a:extLst>
              <a:ext uri="{28A0092B-C50C-407E-A947-70E740481C1C}">
                <a14:useLocalDpi xmlns:a14="http://schemas.microsoft.com/office/drawing/2010/main"/>
              </a:ext>
            </a:extLst>
          </a:blip>
          <a:srcRect l="10883" r="10883"/>
          <a:stretch>
            <a:fillRect/>
          </a:stretch>
        </p:blipFill>
        <p:spPr>
          <a:xfrm>
            <a:off x="0" y="4014439"/>
            <a:ext cx="7559675" cy="5894736"/>
          </a:xfrm>
        </p:spPr>
      </p:pic>
    </p:spTree>
    <p:extLst>
      <p:ext uri="{BB962C8B-B14F-4D97-AF65-F5344CB8AC3E}">
        <p14:creationId xmlns:p14="http://schemas.microsoft.com/office/powerpoint/2010/main" val="1024383977"/>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B7EFBE8-DDFF-7E4F-BC59-A0184F337460}"/>
              </a:ext>
            </a:extLst>
          </p:cNvPr>
          <p:cNvSpPr>
            <a:spLocks noGrp="1"/>
          </p:cNvSpPr>
          <p:nvPr>
            <p:ph type="body" sz="quarter" idx="14"/>
          </p:nvPr>
        </p:nvSpPr>
        <p:spPr>
          <a:xfrm>
            <a:off x="539389" y="576736"/>
            <a:ext cx="6731138" cy="635759"/>
          </a:xfrm>
        </p:spPr>
        <p:txBody>
          <a:bodyPr/>
          <a:lstStyle/>
          <a:p>
            <a:r>
              <a:rPr lang="en-GB" dirty="0"/>
              <a:t>MIS ON PROJEKT “ÜLIÕPILASED KUI DIGITAALSES KODANIKUÜHISKONNAS OSALEJAD” (STUDENTS AS DIGITAL CIVIC ENGAGERS)?</a:t>
            </a:r>
          </a:p>
        </p:txBody>
      </p:sp>
      <p:sp>
        <p:nvSpPr>
          <p:cNvPr id="4" name="Text Placeholder 3">
            <a:extLst>
              <a:ext uri="{FF2B5EF4-FFF2-40B4-BE49-F238E27FC236}">
                <a16:creationId xmlns:a16="http://schemas.microsoft.com/office/drawing/2014/main" id="{DBB67C9C-3E99-FB49-A7E0-2661231EB07A}"/>
              </a:ext>
            </a:extLst>
          </p:cNvPr>
          <p:cNvSpPr>
            <a:spLocks noGrp="1"/>
          </p:cNvSpPr>
          <p:nvPr>
            <p:ph type="body" sz="quarter" idx="33"/>
          </p:nvPr>
        </p:nvSpPr>
        <p:spPr>
          <a:xfrm>
            <a:off x="522456" y="1326639"/>
            <a:ext cx="6533982" cy="1529521"/>
          </a:xfrm>
        </p:spPr>
        <p:txBody>
          <a:bodyPr/>
          <a:lstStyle/>
          <a:p>
            <a:r>
              <a:rPr lang="et-EE"/>
              <a:t>Kodanikuaktiivsust võib vaadelda kui demokraatliku ühiskonna selgroogu. Samuti aitavad üliõpilased, kes on aktiivsed kodanikud, suurema tõenäosusega kaasa kaasava ühiskonna arendamisele ja kujundamisele. Covid-19 pandeemiaga on kodanikuaktiivsuse fookus nihkunud tavasuhtluselt virtuaalsele. Digivahendid võimaldavad üliõpilastel laiendada kodanikuosaluse võimalusi ja leida lahendusi tegelikele vajadustele. Nad on ka transformatiivsed ja digiteenused võimendavad üliõpilaste kodanikuosalust.</a:t>
            </a:r>
            <a:endParaRPr lang="en-LB"/>
          </a:p>
          <a:p>
            <a:r>
              <a:rPr lang="et-EE"/>
              <a:t>Projekt “Students as Digital Civic Engagers” on Erasmus projekt, mille eesmärk on suurendada kõrgkoolide juhtide ja akadeemiliste töötajate digioskusi ja teadmisi kodanikuosalusest, et võimaldada üliõpilastel digitehnoloogiaid kasutades saada enesekindlateks kodanikeks. </a:t>
            </a:r>
            <a:r>
              <a:rPr lang="en-GB" dirty="0">
                <a:hlinkClick r:id="rId2">
                  <a:extLst>
                    <a:ext uri="{A12FA001-AC4F-418D-AE19-62706E023703}">
                      <ahyp:hlinkClr xmlns:ahyp="http://schemas.microsoft.com/office/drawing/2018/hyperlinkcolor" val="tx"/>
                    </a:ext>
                  </a:extLst>
                </a:hlinkClick>
              </a:rPr>
              <a:t>https://</a:t>
            </a:r>
            <a:r>
              <a:rPr lang="en-GB" dirty="0" err="1">
                <a:hlinkClick r:id="rId2">
                  <a:extLst>
                    <a:ext uri="{A12FA001-AC4F-418D-AE19-62706E023703}">
                      <ahyp:hlinkClr xmlns:ahyp="http://schemas.microsoft.com/office/drawing/2018/hyperlinkcolor" val="tx"/>
                    </a:ext>
                  </a:extLst>
                </a:hlinkClick>
              </a:rPr>
              <a:t>www.studentcivicengagers.eu</a:t>
            </a:r>
            <a:r>
              <a:rPr lang="en-GB" dirty="0">
                <a:hlinkClick r:id="rId2">
                  <a:extLst>
                    <a:ext uri="{A12FA001-AC4F-418D-AE19-62706E023703}">
                      <ahyp:hlinkClr xmlns:ahyp="http://schemas.microsoft.com/office/drawing/2018/hyperlinkcolor" val="tx"/>
                    </a:ext>
                  </a:extLst>
                </a:hlinkClick>
              </a:rPr>
              <a:t>/</a:t>
            </a:r>
            <a:endParaRPr lang="en-GB" dirty="0"/>
          </a:p>
          <a:p>
            <a:pPr algn="just"/>
            <a:endParaRPr lang="en-RU" dirty="0"/>
          </a:p>
        </p:txBody>
      </p:sp>
      <p:sp>
        <p:nvSpPr>
          <p:cNvPr id="10" name="Freeform 9">
            <a:extLst>
              <a:ext uri="{FF2B5EF4-FFF2-40B4-BE49-F238E27FC236}">
                <a16:creationId xmlns:a16="http://schemas.microsoft.com/office/drawing/2014/main" id="{D3D64248-305E-6B41-978A-0A53141E4A1E}"/>
              </a:ext>
            </a:extLst>
          </p:cNvPr>
          <p:cNvSpPr/>
          <p:nvPr/>
        </p:nvSpPr>
        <p:spPr>
          <a:xfrm>
            <a:off x="289148" y="717225"/>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11" name="Text Placeholder 2">
            <a:extLst>
              <a:ext uri="{FF2B5EF4-FFF2-40B4-BE49-F238E27FC236}">
                <a16:creationId xmlns:a16="http://schemas.microsoft.com/office/drawing/2014/main" id="{4021331D-2BEA-204D-9D81-35AE6BA639E9}"/>
              </a:ext>
            </a:extLst>
          </p:cNvPr>
          <p:cNvSpPr txBox="1">
            <a:spLocks/>
          </p:cNvSpPr>
          <p:nvPr/>
        </p:nvSpPr>
        <p:spPr>
          <a:xfrm>
            <a:off x="523060" y="3043687"/>
            <a:ext cx="6533982" cy="635759"/>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dirty="0"/>
              <a:t>MIS ON PEDAGOOGILINE JUHEND?</a:t>
            </a:r>
          </a:p>
        </p:txBody>
      </p:sp>
      <p:sp>
        <p:nvSpPr>
          <p:cNvPr id="12" name="Freeform 11">
            <a:extLst>
              <a:ext uri="{FF2B5EF4-FFF2-40B4-BE49-F238E27FC236}">
                <a16:creationId xmlns:a16="http://schemas.microsoft.com/office/drawing/2014/main" id="{A207A717-AA6C-AA48-BF63-6D0FA6F91D4D}"/>
              </a:ext>
            </a:extLst>
          </p:cNvPr>
          <p:cNvSpPr/>
          <p:nvPr/>
        </p:nvSpPr>
        <p:spPr>
          <a:xfrm>
            <a:off x="288861" y="3199166"/>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13" name="Text Placeholder 3">
            <a:extLst>
              <a:ext uri="{FF2B5EF4-FFF2-40B4-BE49-F238E27FC236}">
                <a16:creationId xmlns:a16="http://schemas.microsoft.com/office/drawing/2014/main" id="{166747D7-98DF-D748-AE7F-58A3EE7F043A}"/>
              </a:ext>
            </a:extLst>
          </p:cNvPr>
          <p:cNvSpPr txBox="1">
            <a:spLocks/>
          </p:cNvSpPr>
          <p:nvPr/>
        </p:nvSpPr>
        <p:spPr>
          <a:xfrm>
            <a:off x="522456" y="3793595"/>
            <a:ext cx="6533982" cy="3064405"/>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a:t>Pedagoogilise juhendi eesmärk on hõlbustada projekti “Students as Digital Civic Engagers” põhitulemustena välja töötatud avatud õppevara kasutamist. See juhendi loob koolitajatele eeldused avatud õppevara (OER) kõige paremini kasutama. Lisaks avatud õppevarale saavad õpetajad ja õppijad edaspidi kasutada “Digitaalse kodanikuosaluse juhendit” (IO1) ja “Üliõpilaste kui digitaalses kodanikuühiskonnas osalejate töövahendite komplekti” (IO2) kõrghariduse või täiendusõppe raames.</a:t>
            </a:r>
            <a:endParaRPr lang="en-LB"/>
          </a:p>
          <a:p>
            <a:r>
              <a:rPr lang="et-EE"/>
              <a:t>Sellest pedagoogilisest juhendist leiavad õpetajad ja õppijad selgituse “Digitaalse kodanikuosaluse juhendi” (IO1) ja “Üliõpilaste kui digitaalses kodanikuühiskonnas osalejate töövahendite komplekti” (IO2) vaheliste seoste kohta ning juhiseid nende koos kasutamiseks. Materjale võib kasutada klassiruumis, veebis või hübriidõppes õpetajate ja õppijate poolt vastavalt nende pedagoogilisele ja praktilisele kogemusele. Peale selle saavad õpetajad ja õppijad kasu avatud õppevara õpieesmärkidest, mis on ristviidetega pädevusraamistikele DigComp ja EntreComp.</a:t>
            </a:r>
            <a:endParaRPr lang="en-LB"/>
          </a:p>
          <a:p>
            <a:r>
              <a:rPr lang="et-EE"/>
              <a:t>Pedagoogiline juhend selgitab ka erinevaid tegevusi, mida digitaalse kodanikuosaluse projektis kasutatakse – õpilaste juhitud, kohustuslikud, õppekavavälised jne tegevused.</a:t>
            </a:r>
            <a:endParaRPr lang="en-LB"/>
          </a:p>
          <a:p>
            <a:r>
              <a:rPr lang="et-EE"/>
              <a:t>Eksperdid on avatud õppevara välja töötanud; nad suhtuvad kirglikult kodanikuaktiivsusesse ja selle transformatiivsesse kasutusse kogukonnas ja ühiskonnas. Selle eesmärk on anda õppijatele ja õpetajatele võimalus paremini mõista kodanikuosaluse rolli meie kaasaegses maailmas ja seda, kuidas digitehnoloogiad võivad olla digitaalse kodanikuosaluse projekti õnnestumisel otsustava tähtsusega.</a:t>
            </a:r>
            <a:endParaRPr lang="en-LB"/>
          </a:p>
          <a:p>
            <a:endParaRPr lang="en-RU" dirty="0"/>
          </a:p>
        </p:txBody>
      </p:sp>
      <p:sp>
        <p:nvSpPr>
          <p:cNvPr id="721" name="Rectangle 720">
            <a:extLst>
              <a:ext uri="{FF2B5EF4-FFF2-40B4-BE49-F238E27FC236}">
                <a16:creationId xmlns:a16="http://schemas.microsoft.com/office/drawing/2014/main" id="{FAF8AD61-4CB1-0344-BCE4-812E13166BF2}"/>
              </a:ext>
            </a:extLst>
          </p:cNvPr>
          <p:cNvSpPr/>
          <p:nvPr/>
        </p:nvSpPr>
        <p:spPr>
          <a:xfrm>
            <a:off x="0" y="6997127"/>
            <a:ext cx="7559675" cy="3132940"/>
          </a:xfrm>
          <a:prstGeom prst="rect">
            <a:avLst/>
          </a:prstGeom>
          <a:blipFill>
            <a:blip r:embed="rId3" cstate="email">
              <a:extLst>
                <a:ext uri="{28A0092B-C50C-407E-A947-70E740481C1C}">
                  <a14:useLocalDpi xmlns:a14="http://schemas.microsoft.com/office/drawing/2010/main"/>
                </a:ext>
              </a:extLst>
            </a:blip>
            <a:srcRect/>
            <a:stretch>
              <a:fillRect t="-37043" b="-23841"/>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5" name="Straight Connector 4">
            <a:extLst>
              <a:ext uri="{FF2B5EF4-FFF2-40B4-BE49-F238E27FC236}">
                <a16:creationId xmlns:a16="http://schemas.microsoft.com/office/drawing/2014/main" id="{DB8E2301-C8A7-915B-F1E0-F91B90C89448}"/>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6" name="Text Placeholder 25">
            <a:extLst>
              <a:ext uri="{FF2B5EF4-FFF2-40B4-BE49-F238E27FC236}">
                <a16:creationId xmlns:a16="http://schemas.microsoft.com/office/drawing/2014/main" id="{44EA6D1A-49F7-8FFF-3FD7-5EF054E80537}"/>
              </a:ext>
            </a:extLst>
          </p:cNvPr>
          <p:cNvSpPr>
            <a:spLocks noGrp="1"/>
          </p:cNvSpPr>
          <p:nvPr>
            <p:ph type="body" sz="quarter" idx="32" hasCustomPrompt="1"/>
          </p:nvPr>
        </p:nvSpPr>
        <p:spPr>
          <a:xfrm>
            <a:off x="1773598" y="10175681"/>
            <a:ext cx="4718277"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r>
              <a:rPr lang="et-EE" b="1"/>
              <a:t>Pedagoogiline juhend digitaalse kodanikuosaluse õpetamiseks (IO3)</a:t>
            </a:r>
            <a:endParaRPr lang="en-LB"/>
          </a:p>
        </p:txBody>
      </p:sp>
    </p:spTree>
    <p:extLst>
      <p:ext uri="{BB962C8B-B14F-4D97-AF65-F5344CB8AC3E}">
        <p14:creationId xmlns:p14="http://schemas.microsoft.com/office/powerpoint/2010/main" val="1043971841"/>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 name="Rectangle 18">
            <a:extLst>
              <a:ext uri="{FF2B5EF4-FFF2-40B4-BE49-F238E27FC236}">
                <a16:creationId xmlns:a16="http://schemas.microsoft.com/office/drawing/2014/main" id="{423731D9-C20B-8C4C-A662-F463D072F85C}"/>
              </a:ext>
            </a:extLst>
          </p:cNvPr>
          <p:cNvSpPr/>
          <p:nvPr/>
        </p:nvSpPr>
        <p:spPr>
          <a:xfrm>
            <a:off x="519569" y="8127999"/>
            <a:ext cx="4248914" cy="383822"/>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5" name="Rectangle 14">
            <a:extLst>
              <a:ext uri="{FF2B5EF4-FFF2-40B4-BE49-F238E27FC236}">
                <a16:creationId xmlns:a16="http://schemas.microsoft.com/office/drawing/2014/main" id="{318FCDA0-6366-0144-9A4D-A379D4E7E251}"/>
              </a:ext>
            </a:extLst>
          </p:cNvPr>
          <p:cNvSpPr/>
          <p:nvPr/>
        </p:nvSpPr>
        <p:spPr>
          <a:xfrm>
            <a:off x="519569" y="7693376"/>
            <a:ext cx="3568782" cy="383822"/>
          </a:xfrm>
          <a:prstGeom prst="rect">
            <a:avLst/>
          </a:prstGeom>
          <a:solidFill>
            <a:srgbClr val="008CA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6" name="Rectangle 15">
            <a:extLst>
              <a:ext uri="{FF2B5EF4-FFF2-40B4-BE49-F238E27FC236}">
                <a16:creationId xmlns:a16="http://schemas.microsoft.com/office/drawing/2014/main" id="{9468AC18-8706-7A41-8A84-06D25310096A}"/>
              </a:ext>
            </a:extLst>
          </p:cNvPr>
          <p:cNvSpPr/>
          <p:nvPr/>
        </p:nvSpPr>
        <p:spPr>
          <a:xfrm>
            <a:off x="519569" y="7258754"/>
            <a:ext cx="3387414" cy="383822"/>
          </a:xfrm>
          <a:prstGeom prst="rect">
            <a:avLst/>
          </a:prstGeom>
          <a:solidFill>
            <a:srgbClr val="02639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7" name="Rectangle 16">
            <a:extLst>
              <a:ext uri="{FF2B5EF4-FFF2-40B4-BE49-F238E27FC236}">
                <a16:creationId xmlns:a16="http://schemas.microsoft.com/office/drawing/2014/main" id="{BFF2CF70-609B-3D4E-AB80-489732373E38}"/>
              </a:ext>
            </a:extLst>
          </p:cNvPr>
          <p:cNvSpPr/>
          <p:nvPr/>
        </p:nvSpPr>
        <p:spPr>
          <a:xfrm>
            <a:off x="519568" y="6824132"/>
            <a:ext cx="4369827" cy="383822"/>
          </a:xfrm>
          <a:prstGeom prst="rect">
            <a:avLst/>
          </a:prstGeom>
          <a:solidFill>
            <a:srgbClr val="2D4A7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8" name="Rectangle 17">
            <a:extLst>
              <a:ext uri="{FF2B5EF4-FFF2-40B4-BE49-F238E27FC236}">
                <a16:creationId xmlns:a16="http://schemas.microsoft.com/office/drawing/2014/main" id="{A23CDF64-2B87-7040-9A1C-0385FD15F1A8}"/>
              </a:ext>
            </a:extLst>
          </p:cNvPr>
          <p:cNvSpPr/>
          <p:nvPr/>
        </p:nvSpPr>
        <p:spPr>
          <a:xfrm>
            <a:off x="519569" y="6389510"/>
            <a:ext cx="6115500" cy="383822"/>
          </a:xfrm>
          <a:prstGeom prst="rect">
            <a:avLst/>
          </a:prstGeom>
          <a:solidFill>
            <a:srgbClr val="23385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3" name="Rectangle 12">
            <a:extLst>
              <a:ext uri="{FF2B5EF4-FFF2-40B4-BE49-F238E27FC236}">
                <a16:creationId xmlns:a16="http://schemas.microsoft.com/office/drawing/2014/main" id="{E2AB94D1-60BF-3545-864D-78077E78625E}"/>
              </a:ext>
            </a:extLst>
          </p:cNvPr>
          <p:cNvSpPr/>
          <p:nvPr/>
        </p:nvSpPr>
        <p:spPr>
          <a:xfrm>
            <a:off x="519569" y="5954888"/>
            <a:ext cx="3833278" cy="383822"/>
          </a:xfrm>
          <a:prstGeom prst="rect">
            <a:avLst/>
          </a:prstGeom>
          <a:solidFill>
            <a:srgbClr val="2D4A7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4" name="Rectangle 13">
            <a:extLst>
              <a:ext uri="{FF2B5EF4-FFF2-40B4-BE49-F238E27FC236}">
                <a16:creationId xmlns:a16="http://schemas.microsoft.com/office/drawing/2014/main" id="{2E51F557-584B-BE43-97EA-F6FE726A62B3}"/>
              </a:ext>
            </a:extLst>
          </p:cNvPr>
          <p:cNvSpPr/>
          <p:nvPr/>
        </p:nvSpPr>
        <p:spPr>
          <a:xfrm>
            <a:off x="519568" y="5520266"/>
            <a:ext cx="6536869" cy="383822"/>
          </a:xfrm>
          <a:prstGeom prst="rect">
            <a:avLst/>
          </a:prstGeom>
          <a:solidFill>
            <a:srgbClr val="02639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2" name="Rectangle 11">
            <a:extLst>
              <a:ext uri="{FF2B5EF4-FFF2-40B4-BE49-F238E27FC236}">
                <a16:creationId xmlns:a16="http://schemas.microsoft.com/office/drawing/2014/main" id="{C04217EA-72DF-424E-92AF-3EB70B976781}"/>
              </a:ext>
            </a:extLst>
          </p:cNvPr>
          <p:cNvSpPr/>
          <p:nvPr/>
        </p:nvSpPr>
        <p:spPr>
          <a:xfrm>
            <a:off x="519568" y="5085644"/>
            <a:ext cx="6303263" cy="383822"/>
          </a:xfrm>
          <a:prstGeom prst="rect">
            <a:avLst/>
          </a:prstGeom>
          <a:solidFill>
            <a:srgbClr val="008CA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1" name="Rectangle 10">
            <a:extLst>
              <a:ext uri="{FF2B5EF4-FFF2-40B4-BE49-F238E27FC236}">
                <a16:creationId xmlns:a16="http://schemas.microsoft.com/office/drawing/2014/main" id="{5FDB8E3C-C145-984B-A12E-09EAE896FF2B}"/>
              </a:ext>
            </a:extLst>
          </p:cNvPr>
          <p:cNvSpPr/>
          <p:nvPr/>
        </p:nvSpPr>
        <p:spPr>
          <a:xfrm>
            <a:off x="519569" y="4651022"/>
            <a:ext cx="5291784" cy="383822"/>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5" name="Text Placeholder 2">
            <a:extLst>
              <a:ext uri="{FF2B5EF4-FFF2-40B4-BE49-F238E27FC236}">
                <a16:creationId xmlns:a16="http://schemas.microsoft.com/office/drawing/2014/main" id="{0298FB8A-DFD3-284F-903F-46DA4154CA96}"/>
              </a:ext>
            </a:extLst>
          </p:cNvPr>
          <p:cNvSpPr txBox="1">
            <a:spLocks/>
          </p:cNvSpPr>
          <p:nvPr/>
        </p:nvSpPr>
        <p:spPr>
          <a:xfrm>
            <a:off x="522456" y="561743"/>
            <a:ext cx="6533982" cy="635759"/>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dirty="0"/>
              <a:t>AVATUD ÕPPEVARA ÜLDISED ÕPIEESMÄRGID</a:t>
            </a:r>
          </a:p>
        </p:txBody>
      </p:sp>
      <p:sp>
        <p:nvSpPr>
          <p:cNvPr id="6" name="Freeform 5">
            <a:extLst>
              <a:ext uri="{FF2B5EF4-FFF2-40B4-BE49-F238E27FC236}">
                <a16:creationId xmlns:a16="http://schemas.microsoft.com/office/drawing/2014/main" id="{23342098-6ACF-F34B-A09A-F9F135BE9756}"/>
              </a:ext>
            </a:extLst>
          </p:cNvPr>
          <p:cNvSpPr/>
          <p:nvPr/>
        </p:nvSpPr>
        <p:spPr>
          <a:xfrm>
            <a:off x="288257" y="717222"/>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8" name="Freeform 7">
            <a:extLst>
              <a:ext uri="{FF2B5EF4-FFF2-40B4-BE49-F238E27FC236}">
                <a16:creationId xmlns:a16="http://schemas.microsoft.com/office/drawing/2014/main" id="{C943C4A7-8F4A-F446-9DE0-4CF6FC3A7149}"/>
              </a:ext>
            </a:extLst>
          </p:cNvPr>
          <p:cNvSpPr/>
          <p:nvPr/>
        </p:nvSpPr>
        <p:spPr>
          <a:xfrm>
            <a:off x="381979" y="132769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7" name="Text Placeholder 3">
            <a:extLst>
              <a:ext uri="{FF2B5EF4-FFF2-40B4-BE49-F238E27FC236}">
                <a16:creationId xmlns:a16="http://schemas.microsoft.com/office/drawing/2014/main" id="{9B6AE86E-D76E-FC41-A996-86EC360634AB}"/>
              </a:ext>
            </a:extLst>
          </p:cNvPr>
          <p:cNvSpPr txBox="1">
            <a:spLocks/>
          </p:cNvSpPr>
          <p:nvPr/>
        </p:nvSpPr>
        <p:spPr>
          <a:xfrm>
            <a:off x="521852" y="1311651"/>
            <a:ext cx="6533982" cy="881841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b="1" dirty="0"/>
              <a:t>Digitaalse kodanikuosaluse avatud õppevaras on kokku kuus erinevat moodulit:</a:t>
            </a:r>
          </a:p>
          <a:p>
            <a:endParaRPr lang="ru-RU" b="1" dirty="0"/>
          </a:p>
          <a:p>
            <a:r>
              <a:rPr lang="en-US" b="1" dirty="0"/>
              <a:t>MOODUL 1:	</a:t>
            </a:r>
            <a:r>
              <a:rPr lang="et-EE"/>
              <a:t> Digitaalne kodanikuaktiivsus – potentsiaal tehnoloogia ja uue meedia ristumiskohas</a:t>
            </a:r>
            <a:r>
              <a:rPr lang="en-LB">
                <a:effectLst/>
              </a:rPr>
              <a:t> </a:t>
            </a:r>
            <a:endParaRPr lang="en-US" dirty="0"/>
          </a:p>
          <a:p>
            <a:r>
              <a:rPr lang="en-US" b="1" dirty="0"/>
              <a:t>MOODUL 2: 	</a:t>
            </a:r>
            <a:r>
              <a:rPr lang="et-EE"/>
              <a:t> Millised on õppijate võimalused?</a:t>
            </a:r>
            <a:r>
              <a:rPr lang="en-LB">
                <a:effectLst/>
              </a:rPr>
              <a:t> </a:t>
            </a:r>
          </a:p>
          <a:p>
            <a:r>
              <a:rPr lang="en-US" b="1" dirty="0"/>
              <a:t>MOODUL 3: 	</a:t>
            </a:r>
            <a:r>
              <a:rPr lang="et-EE"/>
              <a:t> Kuidas luua digitaalse kodanikuosaluse projekti?</a:t>
            </a:r>
            <a:r>
              <a:rPr lang="en-LB">
                <a:effectLst/>
              </a:rPr>
              <a:t> </a:t>
            </a:r>
            <a:endParaRPr lang="en-US" dirty="0"/>
          </a:p>
          <a:p>
            <a:r>
              <a:rPr lang="en-US" b="1" dirty="0"/>
              <a:t>MOODUL 4: 	</a:t>
            </a:r>
            <a:r>
              <a:rPr lang="et-EE"/>
              <a:t> Digitaalse kodanikuosaluse projekti juhtimine</a:t>
            </a:r>
            <a:r>
              <a:rPr lang="en-LB">
                <a:effectLst/>
              </a:rPr>
              <a:t> </a:t>
            </a:r>
            <a:endParaRPr lang="en-US" dirty="0"/>
          </a:p>
          <a:p>
            <a:r>
              <a:rPr lang="en-US" b="1" dirty="0"/>
              <a:t>MOODUL 5: 	</a:t>
            </a:r>
            <a:r>
              <a:rPr lang="et-EE"/>
              <a:t> Kuidas luua eelarvet ja rahastada oma projekti, rakendades sealhulgas tehnoloogiale 	  	 keskendunud mudeleid</a:t>
            </a:r>
            <a:endParaRPr lang="en-US" dirty="0"/>
          </a:p>
          <a:p>
            <a:r>
              <a:rPr lang="en-US" b="1" dirty="0"/>
              <a:t>MOODUL 6: 	</a:t>
            </a:r>
            <a:r>
              <a:rPr lang="et-EE"/>
              <a:t> Kodanikuosaluse projekti, eesmärgi ja koostöö turundamine</a:t>
            </a:r>
            <a:r>
              <a:rPr lang="en-LB">
                <a:effectLst/>
              </a:rPr>
              <a:t> </a:t>
            </a:r>
            <a:endParaRPr lang="en-US" dirty="0"/>
          </a:p>
          <a:p>
            <a:r>
              <a:rPr lang="et-EE"/>
              <a:t>Moodulid on loodud, et tutvustada õppijatele erinevaid digitaalset kodanikuaktiivsust ja kodanikuosalust puudutavaid kontseptsioone ja annab õppijatele teadmised, kuidas tuvastada vajadus digitaalse kodanikuosaluse projekti järele, ning õppijatele vajalikud tööriistad ja info kodanikuühiskonnas osalemiseks või oma digitaalse kodanikuosaluse projekti loomiseks.</a:t>
            </a:r>
            <a:endParaRPr lang="en-LB"/>
          </a:p>
          <a:p>
            <a:pPr>
              <a:spcBef>
                <a:spcPts val="100"/>
              </a:spcBef>
            </a:pPr>
            <a:endParaRPr lang="en-US" dirty="0"/>
          </a:p>
          <a:p>
            <a:pPr>
              <a:spcBef>
                <a:spcPts val="100"/>
              </a:spcBef>
            </a:pPr>
            <a:r>
              <a:rPr lang="en-US" dirty="0"/>
              <a:t>Täpsemalt saavad osalejad järgmised teadmised ja oskused: </a:t>
            </a:r>
          </a:p>
          <a:p>
            <a:pPr>
              <a:spcBef>
                <a:spcPts val="100"/>
              </a:spcBef>
            </a:pPr>
            <a:endParaRPr lang="en-RU" dirty="0"/>
          </a:p>
          <a:p>
            <a:pPr algn="l">
              <a:lnSpc>
                <a:spcPct val="200000"/>
              </a:lnSpc>
              <a:spcBef>
                <a:spcPts val="100"/>
              </a:spcBef>
            </a:pPr>
            <a:r>
              <a:rPr lang="en-US" dirty="0">
                <a:solidFill>
                  <a:schemeClr val="bg1"/>
                </a:solidFill>
              </a:rPr>
              <a:t>teadmise, mis on kodanikuaktiivsus ja mis määratleb digitaalse kodanikuosaluse projekti;</a:t>
            </a:r>
            <a:endParaRPr lang="en-RU" dirty="0">
              <a:solidFill>
                <a:schemeClr val="bg1"/>
              </a:solidFill>
            </a:endParaRPr>
          </a:p>
          <a:p>
            <a:pPr lvl="0" algn="l">
              <a:lnSpc>
                <a:spcPct val="270000"/>
              </a:lnSpc>
              <a:spcBef>
                <a:spcPts val="100"/>
              </a:spcBef>
            </a:pPr>
            <a:r>
              <a:rPr lang="en-US" dirty="0">
                <a:solidFill>
                  <a:schemeClr val="bg1"/>
                </a:solidFill>
              </a:rPr>
              <a:t>teadmise, millised on digitaalse kodanikuosaluse projekti erinevad tüübid; Different ways that students can teadmise, millised on erinevad viisid, kuidas kodanikuosaluse projektis osaleda; A greater understanding of the </a:t>
            </a:r>
            <a:r>
              <a:rPr lang="et-EE">
                <a:solidFill>
                  <a:schemeClr val="bg1"/>
                </a:solidFill>
              </a:rPr>
              <a:t>info Euroopa kompetentsiraamistikest DigComp ja EntreComp;</a:t>
            </a:r>
            <a:r>
              <a:rPr lang="en-LB">
                <a:solidFill>
                  <a:schemeClr val="bg1"/>
                </a:solidFill>
                <a:effectLst/>
              </a:rPr>
              <a:t> </a:t>
            </a:r>
          </a:p>
          <a:p>
            <a:pPr lvl="0" algn="l">
              <a:lnSpc>
                <a:spcPct val="250000"/>
              </a:lnSpc>
              <a:spcBef>
                <a:spcPts val="100"/>
              </a:spcBef>
            </a:pPr>
            <a:r>
              <a:rPr lang="en-US" dirty="0">
                <a:solidFill>
                  <a:schemeClr val="bg1"/>
                </a:solidFill>
              </a:rPr>
              <a:t>teadmise, millised on kompetentsid, mida saab arendada osaledes digitaalse kodanikuosaluse projektis; </a:t>
            </a:r>
          </a:p>
          <a:p>
            <a:pPr lvl="0" algn="l">
              <a:lnSpc>
                <a:spcPct val="250000"/>
              </a:lnSpc>
              <a:spcBef>
                <a:spcPts val="100"/>
              </a:spcBef>
            </a:pPr>
            <a:r>
              <a:rPr lang="en-US" dirty="0">
                <a:solidFill>
                  <a:schemeClr val="bg1"/>
                </a:solidFill>
              </a:rPr>
              <a:t>teadmise, kuidas luua digitaalse kodanikuosaluse projekt algusest lõpuni;</a:t>
            </a:r>
          </a:p>
          <a:p>
            <a:pPr lvl="0" algn="l">
              <a:lnSpc>
                <a:spcPct val="250000"/>
              </a:lnSpc>
              <a:spcBef>
                <a:spcPts val="100"/>
              </a:spcBef>
            </a:pPr>
            <a:r>
              <a:rPr lang="en-US" dirty="0">
                <a:solidFill>
                  <a:schemeClr val="bg1"/>
                </a:solidFill>
              </a:rPr>
              <a:t>juhised digitaalse kodanikuosaluse projekti juhtimiseks;</a:t>
            </a:r>
          </a:p>
          <a:p>
            <a:pPr lvl="0" algn="l">
              <a:lnSpc>
                <a:spcPct val="250000"/>
              </a:lnSpc>
              <a:spcBef>
                <a:spcPts val="100"/>
              </a:spcBef>
            </a:pPr>
            <a:r>
              <a:rPr lang="en-US" dirty="0">
                <a:solidFill>
                  <a:schemeClr val="bg1"/>
                </a:solidFill>
              </a:rPr>
              <a:t>info selle kohta, kuidas projekti eelarvestada ja rahastada;</a:t>
            </a:r>
          </a:p>
          <a:p>
            <a:pPr lvl="0" algn="l">
              <a:lnSpc>
                <a:spcPct val="250000"/>
              </a:lnSpc>
              <a:spcBef>
                <a:spcPts val="100"/>
              </a:spcBef>
            </a:pPr>
            <a:r>
              <a:rPr lang="en-US" dirty="0">
                <a:solidFill>
                  <a:schemeClr val="bg1"/>
                </a:solidFill>
              </a:rPr>
              <a:t>juhised, kuidas oma digitaalset kodanikuühiskonna projekti turundada.</a:t>
            </a:r>
            <a:endParaRPr lang="en-US" dirty="0"/>
          </a:p>
          <a:p>
            <a:pPr>
              <a:lnSpc>
                <a:spcPct val="250000"/>
              </a:lnSpc>
            </a:pPr>
            <a:r>
              <a:rPr lang="en-GB" b="1" dirty="0"/>
              <a:t>  </a:t>
            </a:r>
          </a:p>
        </p:txBody>
      </p:sp>
      <p:cxnSp>
        <p:nvCxnSpPr>
          <p:cNvPr id="3" name="Straight Connector 2">
            <a:extLst>
              <a:ext uri="{FF2B5EF4-FFF2-40B4-BE49-F238E27FC236}">
                <a16:creationId xmlns:a16="http://schemas.microsoft.com/office/drawing/2014/main" id="{23E79F23-4003-19D8-88A3-6EAB895B292B}"/>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4" name="Text Placeholder 25">
            <a:extLst>
              <a:ext uri="{FF2B5EF4-FFF2-40B4-BE49-F238E27FC236}">
                <a16:creationId xmlns:a16="http://schemas.microsoft.com/office/drawing/2014/main" id="{14799608-50BF-9913-0D8C-BEAD2B64E114}"/>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238257957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Placeholder 4">
            <a:extLst>
              <a:ext uri="{FF2B5EF4-FFF2-40B4-BE49-F238E27FC236}">
                <a16:creationId xmlns:a16="http://schemas.microsoft.com/office/drawing/2014/main" id="{AEFC96D0-5782-4341-9053-4568F77EF771}"/>
              </a:ext>
            </a:extLst>
          </p:cNvPr>
          <p:cNvPicPr>
            <a:picLocks noGrp="1" noChangeAspect="1"/>
          </p:cNvPicPr>
          <p:nvPr>
            <p:ph type="pic" sz="quarter" idx="10"/>
          </p:nvPr>
        </p:nvPicPr>
        <p:blipFill rotWithShape="1">
          <a:blip r:embed="rId2" cstate="email">
            <a:extLst>
              <a:ext uri="{28A0092B-C50C-407E-A947-70E740481C1C}">
                <a14:useLocalDpi xmlns:a14="http://schemas.microsoft.com/office/drawing/2010/main"/>
              </a:ext>
            </a:extLst>
          </a:blip>
          <a:srcRect t="5670" r="23351" b="29021"/>
          <a:stretch/>
        </p:blipFill>
        <p:spPr>
          <a:xfrm flipH="1">
            <a:off x="0" y="2941638"/>
            <a:ext cx="7559675" cy="4294187"/>
          </a:xfrm>
        </p:spPr>
      </p:pic>
      <p:sp>
        <p:nvSpPr>
          <p:cNvPr id="6" name="Rectangle 5">
            <a:extLst>
              <a:ext uri="{FF2B5EF4-FFF2-40B4-BE49-F238E27FC236}">
                <a16:creationId xmlns:a16="http://schemas.microsoft.com/office/drawing/2014/main" id="{2A410419-8088-CB46-A60F-DE221055DE66}"/>
              </a:ext>
            </a:extLst>
          </p:cNvPr>
          <p:cNvSpPr/>
          <p:nvPr/>
        </p:nvSpPr>
        <p:spPr>
          <a:xfrm>
            <a:off x="2146065" y="3043742"/>
            <a:ext cx="4868690"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7" name="Rectangle 6">
            <a:extLst>
              <a:ext uri="{FF2B5EF4-FFF2-40B4-BE49-F238E27FC236}">
                <a16:creationId xmlns:a16="http://schemas.microsoft.com/office/drawing/2014/main" id="{9AC5EE08-BF5F-014E-A30F-B71B8C8A66CA}"/>
              </a:ext>
            </a:extLst>
          </p:cNvPr>
          <p:cNvSpPr/>
          <p:nvPr/>
        </p:nvSpPr>
        <p:spPr>
          <a:xfrm>
            <a:off x="2146065" y="3776565"/>
            <a:ext cx="5195261"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8" name="Text Placeholder 3">
            <a:extLst>
              <a:ext uri="{FF2B5EF4-FFF2-40B4-BE49-F238E27FC236}">
                <a16:creationId xmlns:a16="http://schemas.microsoft.com/office/drawing/2014/main" id="{F726496B-E0A6-3A4D-A898-F513A23AC3F1}"/>
              </a:ext>
            </a:extLst>
          </p:cNvPr>
          <p:cNvSpPr txBox="1">
            <a:spLocks/>
          </p:cNvSpPr>
          <p:nvPr/>
        </p:nvSpPr>
        <p:spPr>
          <a:xfrm>
            <a:off x="2151021" y="2322960"/>
            <a:ext cx="5408654" cy="2678498"/>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marL="514350" indent="-514350">
              <a:lnSpc>
                <a:spcPct val="100000"/>
              </a:lnSpc>
              <a:spcBef>
                <a:spcPts val="1300"/>
              </a:spcBef>
              <a:spcAft>
                <a:spcPts val="600"/>
              </a:spcAft>
              <a:buAutoNum type="arabicPeriod" startAt="2"/>
            </a:pPr>
            <a:r>
              <a:rPr lang="en-US" b="1" dirty="0"/>
              <a:t>  DIGITAALSE</a:t>
            </a:r>
          </a:p>
          <a:p>
            <a:pPr>
              <a:lnSpc>
                <a:spcPct val="100000"/>
              </a:lnSpc>
              <a:spcBef>
                <a:spcPts val="1300"/>
              </a:spcBef>
              <a:spcAft>
                <a:spcPts val="600"/>
              </a:spcAft>
            </a:pPr>
            <a:r>
              <a:rPr lang="en-US" b="1" dirty="0"/>
              <a:t>	KODANIKUOSALUSE </a:t>
            </a:r>
          </a:p>
          <a:p>
            <a:pPr>
              <a:lnSpc>
                <a:spcPct val="100000"/>
              </a:lnSpc>
              <a:spcBef>
                <a:spcPts val="1300"/>
              </a:spcBef>
              <a:spcAft>
                <a:spcPts val="600"/>
              </a:spcAft>
            </a:pPr>
            <a:r>
              <a:rPr lang="en-US" b="1" dirty="0"/>
              <a:t>	JUHENDI KASUTAMINE </a:t>
            </a:r>
            <a:endParaRPr lang="en-RU" b="1" i="1" dirty="0"/>
          </a:p>
        </p:txBody>
      </p:sp>
      <p:grpSp>
        <p:nvGrpSpPr>
          <p:cNvPr id="12" name="Graphic 7">
            <a:extLst>
              <a:ext uri="{FF2B5EF4-FFF2-40B4-BE49-F238E27FC236}">
                <a16:creationId xmlns:a16="http://schemas.microsoft.com/office/drawing/2014/main" id="{0DCBD96A-9E28-BE4B-AA31-4D7803FD87B3}"/>
              </a:ext>
            </a:extLst>
          </p:cNvPr>
          <p:cNvGrpSpPr/>
          <p:nvPr/>
        </p:nvGrpSpPr>
        <p:grpSpPr>
          <a:xfrm>
            <a:off x="6095054" y="4628798"/>
            <a:ext cx="800048" cy="208517"/>
            <a:chOff x="63925" y="4378813"/>
            <a:chExt cx="7430837" cy="1936702"/>
          </a:xfrm>
          <a:solidFill>
            <a:schemeClr val="bg1"/>
          </a:solidFill>
        </p:grpSpPr>
        <p:sp>
          <p:nvSpPr>
            <p:cNvPr id="13" name="Freeform 12">
              <a:extLst>
                <a:ext uri="{FF2B5EF4-FFF2-40B4-BE49-F238E27FC236}">
                  <a16:creationId xmlns:a16="http://schemas.microsoft.com/office/drawing/2014/main" id="{4B80C1E1-8196-0341-8536-85A2FEC21B51}"/>
                </a:ext>
              </a:extLst>
            </p:cNvPr>
            <p:cNvSpPr/>
            <p:nvPr/>
          </p:nvSpPr>
          <p:spPr>
            <a:xfrm>
              <a:off x="63925"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014" y="805716"/>
                    <a:pt x="0" y="625111"/>
                    <a:pt x="0" y="402723"/>
                  </a:cubicBezTo>
                  <a:cubicBezTo>
                    <a:pt x="0" y="180336"/>
                    <a:pt x="180014" y="0"/>
                    <a:pt x="402494" y="0"/>
                  </a:cubicBezTo>
                  <a:cubicBezTo>
                    <a:pt x="624795" y="0"/>
                    <a:pt x="804899" y="180336"/>
                    <a:pt x="804899" y="402723"/>
                  </a:cubicBezTo>
                </a:path>
              </a:pathLst>
            </a:custGeom>
            <a:grpFill/>
            <a:ln w="8971" cap="flat">
              <a:noFill/>
              <a:prstDash val="solid"/>
              <a:miter/>
            </a:ln>
          </p:spPr>
          <p:txBody>
            <a:bodyPr rtlCol="0" anchor="ctr"/>
            <a:lstStyle/>
            <a:p>
              <a:endParaRPr lang="en-RU"/>
            </a:p>
          </p:txBody>
        </p:sp>
        <p:sp>
          <p:nvSpPr>
            <p:cNvPr id="14" name="Freeform 13">
              <a:extLst>
                <a:ext uri="{FF2B5EF4-FFF2-40B4-BE49-F238E27FC236}">
                  <a16:creationId xmlns:a16="http://schemas.microsoft.com/office/drawing/2014/main" id="{5D266F90-B62B-3F46-9E88-9B51686215B5}"/>
                </a:ext>
              </a:extLst>
            </p:cNvPr>
            <p:cNvSpPr/>
            <p:nvPr/>
          </p:nvSpPr>
          <p:spPr>
            <a:xfrm>
              <a:off x="1519117"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283" y="805716"/>
                    <a:pt x="0" y="625111"/>
                    <a:pt x="0" y="402723"/>
                  </a:cubicBezTo>
                  <a:cubicBezTo>
                    <a:pt x="0" y="180336"/>
                    <a:pt x="180283" y="0"/>
                    <a:pt x="402494"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E6ECE41F-F4CD-634D-BAE2-9A797ECBBE0D}"/>
                </a:ext>
              </a:extLst>
            </p:cNvPr>
            <p:cNvSpPr/>
            <p:nvPr/>
          </p:nvSpPr>
          <p:spPr>
            <a:xfrm>
              <a:off x="2974220" y="4378813"/>
              <a:ext cx="805078" cy="805716"/>
            </a:xfrm>
            <a:custGeom>
              <a:avLst/>
              <a:gdLst>
                <a:gd name="connsiteX0" fmla="*/ 805079 w 805078"/>
                <a:gd name="connsiteY0" fmla="*/ 402723 h 805716"/>
                <a:gd name="connsiteX1" fmla="*/ 402674 w 805078"/>
                <a:gd name="connsiteY1" fmla="*/ 805716 h 805716"/>
                <a:gd name="connsiteX2" fmla="*/ 0 w 805078"/>
                <a:gd name="connsiteY2" fmla="*/ 402723 h 805716"/>
                <a:gd name="connsiteX3" fmla="*/ 402674 w 805078"/>
                <a:gd name="connsiteY3" fmla="*/ 0 h 805716"/>
                <a:gd name="connsiteX4" fmla="*/ 805079 w 80507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716">
                  <a:moveTo>
                    <a:pt x="805079" y="402723"/>
                  </a:moveTo>
                  <a:cubicBezTo>
                    <a:pt x="805079" y="625111"/>
                    <a:pt x="624885" y="805716"/>
                    <a:pt x="402674" y="805716"/>
                  </a:cubicBezTo>
                  <a:cubicBezTo>
                    <a:pt x="180463" y="805716"/>
                    <a:pt x="0" y="625111"/>
                    <a:pt x="0" y="402723"/>
                  </a:cubicBezTo>
                  <a:cubicBezTo>
                    <a:pt x="0" y="180336"/>
                    <a:pt x="180463" y="0"/>
                    <a:pt x="402674" y="0"/>
                  </a:cubicBezTo>
                  <a:cubicBezTo>
                    <a:pt x="624885" y="0"/>
                    <a:pt x="805079" y="180336"/>
                    <a:pt x="805079" y="402723"/>
                  </a:cubicBezTo>
                </a:path>
              </a:pathLst>
            </a:custGeom>
            <a:grp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1FB78BB7-D9CA-5A47-90D8-175DB440A6C2}"/>
                </a:ext>
              </a:extLst>
            </p:cNvPr>
            <p:cNvSpPr/>
            <p:nvPr/>
          </p:nvSpPr>
          <p:spPr>
            <a:xfrm>
              <a:off x="4429502"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96" y="0"/>
                    <a:pt x="804899" y="180336"/>
                    <a:pt x="804899" y="402723"/>
                  </a:cubicBezTo>
                </a:path>
              </a:pathLst>
            </a:custGeom>
            <a:grpFill/>
            <a:ln w="8971" cap="flat">
              <a:noFill/>
              <a:prstDash val="solid"/>
              <a:miter/>
            </a:ln>
          </p:spPr>
          <p:txBody>
            <a:bodyPr rtlCol="0" anchor="ctr"/>
            <a:lstStyle/>
            <a:p>
              <a:endParaRPr lang="en-RU"/>
            </a:p>
          </p:txBody>
        </p:sp>
        <p:sp>
          <p:nvSpPr>
            <p:cNvPr id="17" name="Freeform 16">
              <a:extLst>
                <a:ext uri="{FF2B5EF4-FFF2-40B4-BE49-F238E27FC236}">
                  <a16:creationId xmlns:a16="http://schemas.microsoft.com/office/drawing/2014/main" id="{5294E6CA-EC19-7C42-9F9D-476A8B64DB44}"/>
                </a:ext>
              </a:extLst>
            </p:cNvPr>
            <p:cNvSpPr/>
            <p:nvPr/>
          </p:nvSpPr>
          <p:spPr>
            <a:xfrm>
              <a:off x="5884695"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8" name="Freeform 17">
              <a:extLst>
                <a:ext uri="{FF2B5EF4-FFF2-40B4-BE49-F238E27FC236}">
                  <a16:creationId xmlns:a16="http://schemas.microsoft.com/office/drawing/2014/main" id="{1F98E588-6731-3E47-A7DE-658D4C41211C}"/>
                </a:ext>
              </a:extLst>
            </p:cNvPr>
            <p:cNvSpPr/>
            <p:nvPr/>
          </p:nvSpPr>
          <p:spPr>
            <a:xfrm>
              <a:off x="86882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193" y="805627"/>
                    <a:pt x="0" y="625201"/>
                    <a:pt x="0" y="402724"/>
                  </a:cubicBezTo>
                  <a:cubicBezTo>
                    <a:pt x="0" y="180336"/>
                    <a:pt x="180193" y="0"/>
                    <a:pt x="402674" y="0"/>
                  </a:cubicBezTo>
                  <a:cubicBezTo>
                    <a:pt x="624975" y="0"/>
                    <a:pt x="805079" y="180246"/>
                    <a:pt x="805079" y="402724"/>
                  </a:cubicBezTo>
                </a:path>
              </a:pathLst>
            </a:custGeom>
            <a:grpFill/>
            <a:ln w="8971" cap="flat">
              <a:noFill/>
              <a:prstDash val="solid"/>
              <a:miter/>
            </a:ln>
          </p:spPr>
          <p:txBody>
            <a:bodyPr rtlCol="0" anchor="ctr"/>
            <a:lstStyle/>
            <a:p>
              <a:endParaRPr lang="en-RU"/>
            </a:p>
          </p:txBody>
        </p:sp>
        <p:sp>
          <p:nvSpPr>
            <p:cNvPr id="19" name="Freeform 18">
              <a:extLst>
                <a:ext uri="{FF2B5EF4-FFF2-40B4-BE49-F238E27FC236}">
                  <a16:creationId xmlns:a16="http://schemas.microsoft.com/office/drawing/2014/main" id="{577B7568-8A52-4B43-8C3C-A0A6DD92CF53}"/>
                </a:ext>
              </a:extLst>
            </p:cNvPr>
            <p:cNvSpPr/>
            <p:nvPr/>
          </p:nvSpPr>
          <p:spPr>
            <a:xfrm>
              <a:off x="2324106"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463" y="805627"/>
                    <a:pt x="0" y="625201"/>
                    <a:pt x="0" y="402724"/>
                  </a:cubicBezTo>
                  <a:cubicBezTo>
                    <a:pt x="0" y="180336"/>
                    <a:pt x="180463" y="0"/>
                    <a:pt x="402674" y="0"/>
                  </a:cubicBezTo>
                  <a:cubicBezTo>
                    <a:pt x="624885" y="0"/>
                    <a:pt x="805079" y="180246"/>
                    <a:pt x="805079" y="402724"/>
                  </a:cubicBezTo>
                </a:path>
              </a:pathLst>
            </a:custGeom>
            <a:grpFill/>
            <a:ln w="8971" cap="flat">
              <a:noFill/>
              <a:prstDash val="solid"/>
              <a:miter/>
            </a:ln>
          </p:spPr>
          <p:txBody>
            <a:bodyPr rtlCol="0" anchor="ctr"/>
            <a:lstStyle/>
            <a:p>
              <a:endParaRPr lang="en-RU"/>
            </a:p>
          </p:txBody>
        </p:sp>
        <p:sp>
          <p:nvSpPr>
            <p:cNvPr id="20" name="Freeform 19">
              <a:extLst>
                <a:ext uri="{FF2B5EF4-FFF2-40B4-BE49-F238E27FC236}">
                  <a16:creationId xmlns:a16="http://schemas.microsoft.com/office/drawing/2014/main" id="{7E2EB96B-C783-4A45-8EDC-61BE9264E2C8}"/>
                </a:ext>
              </a:extLst>
            </p:cNvPr>
            <p:cNvSpPr/>
            <p:nvPr/>
          </p:nvSpPr>
          <p:spPr>
            <a:xfrm>
              <a:off x="3779298"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3" y="805627"/>
                    <a:pt x="0" y="625201"/>
                    <a:pt x="0" y="402724"/>
                  </a:cubicBezTo>
                  <a:cubicBezTo>
                    <a:pt x="0" y="180336"/>
                    <a:pt x="180463"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1" name="Freeform 20">
              <a:extLst>
                <a:ext uri="{FF2B5EF4-FFF2-40B4-BE49-F238E27FC236}">
                  <a16:creationId xmlns:a16="http://schemas.microsoft.com/office/drawing/2014/main" id="{F28D3076-57CD-9243-9750-EED6BA1AB1A3}"/>
                </a:ext>
              </a:extLst>
            </p:cNvPr>
            <p:cNvSpPr/>
            <p:nvPr/>
          </p:nvSpPr>
          <p:spPr>
            <a:xfrm>
              <a:off x="5234401"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2" y="805627"/>
                    <a:pt x="0" y="625201"/>
                    <a:pt x="0" y="402724"/>
                  </a:cubicBezTo>
                  <a:cubicBezTo>
                    <a:pt x="0" y="180336"/>
                    <a:pt x="180462"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2" name="Freeform 21">
              <a:extLst>
                <a:ext uri="{FF2B5EF4-FFF2-40B4-BE49-F238E27FC236}">
                  <a16:creationId xmlns:a16="http://schemas.microsoft.com/office/drawing/2014/main" id="{115D098D-4121-F544-BB02-13C94222B396}"/>
                </a:ext>
              </a:extLst>
            </p:cNvPr>
            <p:cNvSpPr/>
            <p:nvPr/>
          </p:nvSpPr>
          <p:spPr>
            <a:xfrm>
              <a:off x="668968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6" y="805627"/>
                    <a:pt x="402674" y="805627"/>
                  </a:cubicBezTo>
                  <a:cubicBezTo>
                    <a:pt x="180463" y="805627"/>
                    <a:pt x="0" y="625201"/>
                    <a:pt x="0" y="402724"/>
                  </a:cubicBezTo>
                  <a:cubicBezTo>
                    <a:pt x="0" y="180336"/>
                    <a:pt x="180463" y="0"/>
                    <a:pt x="402674" y="0"/>
                  </a:cubicBezTo>
                  <a:cubicBezTo>
                    <a:pt x="624886" y="0"/>
                    <a:pt x="805079" y="180246"/>
                    <a:pt x="805079" y="402724"/>
                  </a:cubicBezTo>
                </a:path>
              </a:pathLst>
            </a:custGeom>
            <a:grpFill/>
            <a:ln w="8971" cap="flat">
              <a:noFill/>
              <a:prstDash val="solid"/>
              <a:miter/>
            </a:ln>
          </p:spPr>
          <p:txBody>
            <a:bodyPr rtlCol="0" anchor="ctr"/>
            <a:lstStyle/>
            <a:p>
              <a:endParaRPr lang="en-RU"/>
            </a:p>
          </p:txBody>
        </p:sp>
      </p:grpSp>
    </p:spTree>
    <p:extLst>
      <p:ext uri="{BB962C8B-B14F-4D97-AF65-F5344CB8AC3E}">
        <p14:creationId xmlns:p14="http://schemas.microsoft.com/office/powerpoint/2010/main" val="4152703138"/>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7" name="Picture 16">
            <a:extLst>
              <a:ext uri="{FF2B5EF4-FFF2-40B4-BE49-F238E27FC236}">
                <a16:creationId xmlns:a16="http://schemas.microsoft.com/office/drawing/2014/main" id="{B38604D7-F734-9441-9E1A-60023E4E0B7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21732" y="4694942"/>
            <a:ext cx="952500" cy="495300"/>
          </a:xfrm>
          <a:prstGeom prst="rect">
            <a:avLst/>
          </a:prstGeom>
        </p:spPr>
      </p:pic>
      <p:sp>
        <p:nvSpPr>
          <p:cNvPr id="4" name="Text Placeholder 3">
            <a:extLst>
              <a:ext uri="{FF2B5EF4-FFF2-40B4-BE49-F238E27FC236}">
                <a16:creationId xmlns:a16="http://schemas.microsoft.com/office/drawing/2014/main" id="{13977E25-D974-3B4B-9991-CB78B5DDA1C4}"/>
              </a:ext>
            </a:extLst>
          </p:cNvPr>
          <p:cNvSpPr>
            <a:spLocks noGrp="1"/>
          </p:cNvSpPr>
          <p:nvPr>
            <p:ph type="body" sz="quarter" idx="33"/>
          </p:nvPr>
        </p:nvSpPr>
        <p:spPr>
          <a:xfrm>
            <a:off x="522456" y="583069"/>
            <a:ext cx="3257381" cy="3038672"/>
          </a:xfrm>
        </p:spPr>
        <p:txBody>
          <a:bodyPr/>
          <a:lstStyle/>
          <a:p>
            <a:r>
              <a:rPr lang="et-EE"/>
              <a:t>Digitaalne kodanikuosalus (DKO) võimaldab haridustöötajatel ja ülikoolidel olla avatumad meetoditele, mis on kohandatavad muutmaks suhtumist õpetamisse ja õppimisse. “Digitaalse kodanikuosaluse juhend” tugineb ulatuslikele uuringutele üliõpilaste digitaalse kodanikuaktiivsuse kohta. See keskendub digitaalse kodanikuosaluse kontseptualiseerimisele teoreetilistes ja empiirilistes uuringutes ning uurib, kuidas digitaalset kodanikuosalust saab integreerida kõrghariduse erinevatel tasanditel (poliitika, õpetamine ja õppimine). See on teaduspõhine ressurss kõrgkoolide õppejõududele ja juhtidele, kes plaanivad juurutada DKO haridust oma organisatsiooni. Juhend pakub põhjaliku teadmiste baasi DKO ja selle poolt pakutavate õppimisvõimaluste kohta. See annab praktilisi juhiseid kõrgkoolide õppejõududele, kuidas integreerida DKO oma õppetöösse.</a:t>
            </a:r>
            <a:endParaRPr lang="en-LB"/>
          </a:p>
          <a:p>
            <a:r>
              <a:rPr lang="en-US" b="1" dirty="0"/>
              <a:t>Juhendil on kaks peamist sihtrühma:</a:t>
            </a:r>
          </a:p>
          <a:p>
            <a:endParaRPr lang="en-GB" dirty="0"/>
          </a:p>
          <a:p>
            <a:endParaRPr lang="en-RU" dirty="0"/>
          </a:p>
        </p:txBody>
      </p:sp>
      <p:sp>
        <p:nvSpPr>
          <p:cNvPr id="5" name="Rectangle 4">
            <a:extLst>
              <a:ext uri="{FF2B5EF4-FFF2-40B4-BE49-F238E27FC236}">
                <a16:creationId xmlns:a16="http://schemas.microsoft.com/office/drawing/2014/main" id="{57ABC427-B5AC-F348-B02D-9216223A5588}"/>
              </a:ext>
            </a:extLst>
          </p:cNvPr>
          <p:cNvSpPr/>
          <p:nvPr/>
        </p:nvSpPr>
        <p:spPr>
          <a:xfrm>
            <a:off x="4356847" y="557213"/>
            <a:ext cx="3202828" cy="4267199"/>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pic>
        <p:nvPicPr>
          <p:cNvPr id="7" name="Picture 6">
            <a:extLst>
              <a:ext uri="{FF2B5EF4-FFF2-40B4-BE49-F238E27FC236}">
                <a16:creationId xmlns:a16="http://schemas.microsoft.com/office/drawing/2014/main" id="{610B8836-9BD3-D449-B62E-8150980629ED}"/>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4815261" y="1058862"/>
            <a:ext cx="2286000" cy="3263900"/>
          </a:xfrm>
          <a:prstGeom prst="rect">
            <a:avLst/>
          </a:prstGeom>
        </p:spPr>
      </p:pic>
      <p:pic>
        <p:nvPicPr>
          <p:cNvPr id="8" name="Picture 7" descr="Icon&#10;&#10;Description automatically generated">
            <a:extLst>
              <a:ext uri="{FF2B5EF4-FFF2-40B4-BE49-F238E27FC236}">
                <a16:creationId xmlns:a16="http://schemas.microsoft.com/office/drawing/2014/main" id="{58FD7FC2-2B2F-4345-BE25-47BFEE29C5BA}"/>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r="67058" b="31977"/>
          <a:stretch/>
        </p:blipFill>
        <p:spPr>
          <a:xfrm flipH="1">
            <a:off x="4063521" y="3827461"/>
            <a:ext cx="1503480" cy="1498600"/>
          </a:xfrm>
          <a:prstGeom prst="rect">
            <a:avLst/>
          </a:prstGeom>
        </p:spPr>
      </p:pic>
      <p:pic>
        <p:nvPicPr>
          <p:cNvPr id="10" name="Picture 9">
            <a:extLst>
              <a:ext uri="{FF2B5EF4-FFF2-40B4-BE49-F238E27FC236}">
                <a16:creationId xmlns:a16="http://schemas.microsoft.com/office/drawing/2014/main" id="{CB66F185-64F8-FF4A-89C0-C179AB7EC030}"/>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328016" y="3905233"/>
            <a:ext cx="952500" cy="495300"/>
          </a:xfrm>
          <a:prstGeom prst="rect">
            <a:avLst/>
          </a:prstGeom>
        </p:spPr>
      </p:pic>
      <p:sp>
        <p:nvSpPr>
          <p:cNvPr id="12" name="Text Placeholder 25">
            <a:extLst>
              <a:ext uri="{FF2B5EF4-FFF2-40B4-BE49-F238E27FC236}">
                <a16:creationId xmlns:a16="http://schemas.microsoft.com/office/drawing/2014/main" id="{ABCDC215-F14A-B84D-A9CF-BCC1B1DCCA21}"/>
              </a:ext>
            </a:extLst>
          </p:cNvPr>
          <p:cNvSpPr txBox="1">
            <a:spLocks/>
          </p:cNvSpPr>
          <p:nvPr/>
        </p:nvSpPr>
        <p:spPr>
          <a:xfrm>
            <a:off x="379179" y="3905233"/>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1</a:t>
            </a:r>
          </a:p>
        </p:txBody>
      </p:sp>
      <p:sp>
        <p:nvSpPr>
          <p:cNvPr id="13" name="Text Placeholder 3">
            <a:extLst>
              <a:ext uri="{FF2B5EF4-FFF2-40B4-BE49-F238E27FC236}">
                <a16:creationId xmlns:a16="http://schemas.microsoft.com/office/drawing/2014/main" id="{12F6C8EA-1878-6A49-9125-BF639D19D596}"/>
              </a:ext>
            </a:extLst>
          </p:cNvPr>
          <p:cNvSpPr txBox="1">
            <a:spLocks/>
          </p:cNvSpPr>
          <p:nvPr/>
        </p:nvSpPr>
        <p:spPr>
          <a:xfrm>
            <a:off x="1267948" y="3875899"/>
            <a:ext cx="2496003" cy="674231"/>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a:t>Kõrgharidusjuhid – juhend annab ideid, kuidas oma organisatsioonis juurutada digitaalset kodanikuosaluse õpet.</a:t>
            </a:r>
            <a:endParaRPr lang="en-RU" dirty="0"/>
          </a:p>
        </p:txBody>
      </p:sp>
      <p:sp>
        <p:nvSpPr>
          <p:cNvPr id="15" name="Text Placeholder 25">
            <a:extLst>
              <a:ext uri="{FF2B5EF4-FFF2-40B4-BE49-F238E27FC236}">
                <a16:creationId xmlns:a16="http://schemas.microsoft.com/office/drawing/2014/main" id="{6A1BE60B-BA30-674A-B98B-50F072117441}"/>
              </a:ext>
            </a:extLst>
          </p:cNvPr>
          <p:cNvSpPr txBox="1">
            <a:spLocks/>
          </p:cNvSpPr>
          <p:nvPr/>
        </p:nvSpPr>
        <p:spPr>
          <a:xfrm>
            <a:off x="379179" y="4694942"/>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2</a:t>
            </a:r>
          </a:p>
        </p:txBody>
      </p:sp>
      <p:sp>
        <p:nvSpPr>
          <p:cNvPr id="16" name="Text Placeholder 3">
            <a:extLst>
              <a:ext uri="{FF2B5EF4-FFF2-40B4-BE49-F238E27FC236}">
                <a16:creationId xmlns:a16="http://schemas.microsoft.com/office/drawing/2014/main" id="{28A7B46F-7395-A042-9029-A8DAD8DADEB4}"/>
              </a:ext>
            </a:extLst>
          </p:cNvPr>
          <p:cNvSpPr txBox="1">
            <a:spLocks/>
          </p:cNvSpPr>
          <p:nvPr/>
        </p:nvSpPr>
        <p:spPr>
          <a:xfrm>
            <a:off x="1267948" y="4665608"/>
            <a:ext cx="2496003" cy="674231"/>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a:t>Kõrghariduse õppejõud – juhend annab praktilisi juhiseid digitaalse kodanikuosaluse integreerimiseks õppetöösse.</a:t>
            </a:r>
            <a:endParaRPr lang="en-RU" dirty="0"/>
          </a:p>
        </p:txBody>
      </p:sp>
      <p:sp>
        <p:nvSpPr>
          <p:cNvPr id="18" name="Text Placeholder 3">
            <a:extLst>
              <a:ext uri="{FF2B5EF4-FFF2-40B4-BE49-F238E27FC236}">
                <a16:creationId xmlns:a16="http://schemas.microsoft.com/office/drawing/2014/main" id="{E0CF4317-F6E7-1C41-9396-03C53A4AFC82}"/>
              </a:ext>
            </a:extLst>
          </p:cNvPr>
          <p:cNvSpPr txBox="1">
            <a:spLocks/>
          </p:cNvSpPr>
          <p:nvPr/>
        </p:nvSpPr>
        <p:spPr>
          <a:xfrm>
            <a:off x="522456" y="5544535"/>
            <a:ext cx="6533982" cy="3038672"/>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sz="1800" dirty="0">
                <a:solidFill>
                  <a:srgbClr val="7FCCC7"/>
                </a:solidFill>
              </a:rPr>
              <a:t>Kuidas pedagoogiliselt kasutada koolitajatele suunatud “Digitaalse kodanikuosaluse juhendit”</a:t>
            </a:r>
          </a:p>
          <a:p>
            <a:endParaRPr lang="en-GB" b="1" dirty="0"/>
          </a:p>
          <a:p>
            <a:r>
              <a:rPr lang="et-EE"/>
              <a:t>Koolitajatele suunatud “Digitaalse kodanikuosaluse juhend” tutvustab uuenduslikke pedagoogilisi strateegiaid digitaalse kodanikuosaluse õpetamiseks. Juhendis käsitletud võtmepädevuste valdkonnad on järgmised:</a:t>
            </a:r>
            <a:endParaRPr lang="en-RU" dirty="0"/>
          </a:p>
        </p:txBody>
      </p:sp>
      <p:sp>
        <p:nvSpPr>
          <p:cNvPr id="20" name="Freeform 19">
            <a:extLst>
              <a:ext uri="{FF2B5EF4-FFF2-40B4-BE49-F238E27FC236}">
                <a16:creationId xmlns:a16="http://schemas.microsoft.com/office/drawing/2014/main" id="{1A0C1181-2AFF-344E-8B2F-7FEE277843FB}"/>
              </a:ext>
            </a:extLst>
          </p:cNvPr>
          <p:cNvSpPr/>
          <p:nvPr/>
        </p:nvSpPr>
        <p:spPr>
          <a:xfrm>
            <a:off x="300345" y="5533481"/>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pic>
        <p:nvPicPr>
          <p:cNvPr id="22" name="Picture 21">
            <a:extLst>
              <a:ext uri="{FF2B5EF4-FFF2-40B4-BE49-F238E27FC236}">
                <a16:creationId xmlns:a16="http://schemas.microsoft.com/office/drawing/2014/main" id="{B2F7D2C2-14C0-ED40-9803-FB1C88381327}"/>
              </a:ext>
            </a:extLst>
          </p:cNvPr>
          <p:cNvPicPr>
            <a:picLocks noChangeAspect="1"/>
          </p:cNvPicPr>
          <p:nvPr/>
        </p:nvPicPr>
        <p:blipFill rotWithShape="1">
          <a:blip r:embed="rId6" cstate="email">
            <a:extLst>
              <a:ext uri="{28A0092B-C50C-407E-A947-70E740481C1C}">
                <a14:useLocalDpi xmlns:a14="http://schemas.microsoft.com/office/drawing/2010/main"/>
              </a:ext>
            </a:extLst>
          </a:blip>
          <a:srcRect l="4090" t="3123" r="3071" b="4141"/>
          <a:stretch/>
        </p:blipFill>
        <p:spPr>
          <a:xfrm>
            <a:off x="1673881" y="6755481"/>
            <a:ext cx="4211912" cy="3310343"/>
          </a:xfrm>
          <a:prstGeom prst="rect">
            <a:avLst/>
          </a:prstGeom>
        </p:spPr>
      </p:pic>
      <p:sp>
        <p:nvSpPr>
          <p:cNvPr id="23" name="Freeform 22">
            <a:extLst>
              <a:ext uri="{FF2B5EF4-FFF2-40B4-BE49-F238E27FC236}">
                <a16:creationId xmlns:a16="http://schemas.microsoft.com/office/drawing/2014/main" id="{CE78374C-7EBB-224C-97BA-B9FF837937CA}"/>
              </a:ext>
            </a:extLst>
          </p:cNvPr>
          <p:cNvSpPr/>
          <p:nvPr/>
        </p:nvSpPr>
        <p:spPr>
          <a:xfrm>
            <a:off x="379179" y="3407711"/>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cxnSp>
        <p:nvCxnSpPr>
          <p:cNvPr id="3" name="Straight Connector 2">
            <a:extLst>
              <a:ext uri="{FF2B5EF4-FFF2-40B4-BE49-F238E27FC236}">
                <a16:creationId xmlns:a16="http://schemas.microsoft.com/office/drawing/2014/main" id="{2F81C46B-7AD0-7A4B-2C43-4F609E5DDE42}"/>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6" name="Text Placeholder 25">
            <a:extLst>
              <a:ext uri="{FF2B5EF4-FFF2-40B4-BE49-F238E27FC236}">
                <a16:creationId xmlns:a16="http://schemas.microsoft.com/office/drawing/2014/main" id="{19CF1327-1DCA-F02B-8131-C340E0C85D13}"/>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Tree>
    <p:extLst>
      <p:ext uri="{BB962C8B-B14F-4D97-AF65-F5344CB8AC3E}">
        <p14:creationId xmlns:p14="http://schemas.microsoft.com/office/powerpoint/2010/main" val="80735328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Placeholder 4">
            <a:extLst>
              <a:ext uri="{FF2B5EF4-FFF2-40B4-BE49-F238E27FC236}">
                <a16:creationId xmlns:a16="http://schemas.microsoft.com/office/drawing/2014/main" id="{0A4AB17E-3F2E-A54B-A2CD-1E4B39EF6552}"/>
              </a:ext>
            </a:extLst>
          </p:cNvPr>
          <p:cNvPicPr>
            <a:picLocks noGrp="1" noChangeAspect="1"/>
          </p:cNvPicPr>
          <p:nvPr>
            <p:ph type="pic" sz="quarter" idx="10"/>
          </p:nvPr>
        </p:nvPicPr>
        <p:blipFill rotWithShape="1">
          <a:blip r:embed="rId2" cstate="email">
            <a:extLst>
              <a:ext uri="{28A0092B-C50C-407E-A947-70E740481C1C}">
                <a14:useLocalDpi xmlns:a14="http://schemas.microsoft.com/office/drawing/2010/main"/>
              </a:ext>
            </a:extLst>
          </a:blip>
          <a:srcRect l="12712" r="12712" b="36458"/>
          <a:stretch/>
        </p:blipFill>
        <p:spPr>
          <a:xfrm>
            <a:off x="0" y="2941638"/>
            <a:ext cx="7559675" cy="4294187"/>
          </a:xfrm>
        </p:spPr>
      </p:pic>
      <p:sp>
        <p:nvSpPr>
          <p:cNvPr id="25" name="Rectangle 24">
            <a:extLst>
              <a:ext uri="{FF2B5EF4-FFF2-40B4-BE49-F238E27FC236}">
                <a16:creationId xmlns:a16="http://schemas.microsoft.com/office/drawing/2014/main" id="{A5B07467-98BF-517B-AFBF-680513B87D24}"/>
              </a:ext>
            </a:extLst>
          </p:cNvPr>
          <p:cNvSpPr/>
          <p:nvPr/>
        </p:nvSpPr>
        <p:spPr>
          <a:xfrm>
            <a:off x="2146065" y="6621557"/>
            <a:ext cx="3575862"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8" name="Rectangle 7">
            <a:extLst>
              <a:ext uri="{FF2B5EF4-FFF2-40B4-BE49-F238E27FC236}">
                <a16:creationId xmlns:a16="http://schemas.microsoft.com/office/drawing/2014/main" id="{E5612AE0-FDC3-2449-BC5B-A9450905A8CA}"/>
              </a:ext>
            </a:extLst>
          </p:cNvPr>
          <p:cNvSpPr/>
          <p:nvPr/>
        </p:nvSpPr>
        <p:spPr>
          <a:xfrm>
            <a:off x="2146065" y="3033232"/>
            <a:ext cx="3423462"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9" name="Rectangle 8">
            <a:extLst>
              <a:ext uri="{FF2B5EF4-FFF2-40B4-BE49-F238E27FC236}">
                <a16:creationId xmlns:a16="http://schemas.microsoft.com/office/drawing/2014/main" id="{73F4A986-1762-AE47-89CD-2B6BFAA979F3}"/>
              </a:ext>
            </a:extLst>
          </p:cNvPr>
          <p:cNvSpPr/>
          <p:nvPr/>
        </p:nvSpPr>
        <p:spPr>
          <a:xfrm>
            <a:off x="2146065" y="3750204"/>
            <a:ext cx="5307680"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nvGrpSpPr>
          <p:cNvPr id="11" name="Graphic 7">
            <a:extLst>
              <a:ext uri="{FF2B5EF4-FFF2-40B4-BE49-F238E27FC236}">
                <a16:creationId xmlns:a16="http://schemas.microsoft.com/office/drawing/2014/main" id="{168043B2-2EFE-D849-A797-7F73A17A22BF}"/>
              </a:ext>
            </a:extLst>
          </p:cNvPr>
          <p:cNvGrpSpPr/>
          <p:nvPr/>
        </p:nvGrpSpPr>
        <p:grpSpPr>
          <a:xfrm>
            <a:off x="6095054" y="4567839"/>
            <a:ext cx="800048" cy="208517"/>
            <a:chOff x="63925" y="4378813"/>
            <a:chExt cx="7430837" cy="1936702"/>
          </a:xfrm>
          <a:solidFill>
            <a:srgbClr val="F26B4D"/>
          </a:solidFill>
        </p:grpSpPr>
        <p:sp>
          <p:nvSpPr>
            <p:cNvPr id="12" name="Freeform 11">
              <a:extLst>
                <a:ext uri="{FF2B5EF4-FFF2-40B4-BE49-F238E27FC236}">
                  <a16:creationId xmlns:a16="http://schemas.microsoft.com/office/drawing/2014/main" id="{47E7513C-6B8A-BE47-84E2-EC7676A77EC1}"/>
                </a:ext>
              </a:extLst>
            </p:cNvPr>
            <p:cNvSpPr/>
            <p:nvPr/>
          </p:nvSpPr>
          <p:spPr>
            <a:xfrm>
              <a:off x="63925"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014" y="805716"/>
                    <a:pt x="0" y="625111"/>
                    <a:pt x="0" y="402723"/>
                  </a:cubicBezTo>
                  <a:cubicBezTo>
                    <a:pt x="0" y="180336"/>
                    <a:pt x="180014" y="0"/>
                    <a:pt x="402494" y="0"/>
                  </a:cubicBezTo>
                  <a:cubicBezTo>
                    <a:pt x="624795" y="0"/>
                    <a:pt x="804899" y="180336"/>
                    <a:pt x="804899" y="402723"/>
                  </a:cubicBezTo>
                </a:path>
              </a:pathLst>
            </a:custGeom>
            <a:grp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A54B9300-E01D-3A4E-96E6-CCF2496AFDF9}"/>
                </a:ext>
              </a:extLst>
            </p:cNvPr>
            <p:cNvSpPr/>
            <p:nvPr/>
          </p:nvSpPr>
          <p:spPr>
            <a:xfrm>
              <a:off x="1519117"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283" y="805716"/>
                    <a:pt x="0" y="625111"/>
                    <a:pt x="0" y="402723"/>
                  </a:cubicBezTo>
                  <a:cubicBezTo>
                    <a:pt x="0" y="180336"/>
                    <a:pt x="180283" y="0"/>
                    <a:pt x="402494"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4" name="Freeform 13">
              <a:extLst>
                <a:ext uri="{FF2B5EF4-FFF2-40B4-BE49-F238E27FC236}">
                  <a16:creationId xmlns:a16="http://schemas.microsoft.com/office/drawing/2014/main" id="{2A89922F-9124-DC4D-8803-B42D9DD22FC1}"/>
                </a:ext>
              </a:extLst>
            </p:cNvPr>
            <p:cNvSpPr/>
            <p:nvPr/>
          </p:nvSpPr>
          <p:spPr>
            <a:xfrm>
              <a:off x="2974220" y="4378813"/>
              <a:ext cx="805078" cy="805716"/>
            </a:xfrm>
            <a:custGeom>
              <a:avLst/>
              <a:gdLst>
                <a:gd name="connsiteX0" fmla="*/ 805079 w 805078"/>
                <a:gd name="connsiteY0" fmla="*/ 402723 h 805716"/>
                <a:gd name="connsiteX1" fmla="*/ 402674 w 805078"/>
                <a:gd name="connsiteY1" fmla="*/ 805716 h 805716"/>
                <a:gd name="connsiteX2" fmla="*/ 0 w 805078"/>
                <a:gd name="connsiteY2" fmla="*/ 402723 h 805716"/>
                <a:gd name="connsiteX3" fmla="*/ 402674 w 805078"/>
                <a:gd name="connsiteY3" fmla="*/ 0 h 805716"/>
                <a:gd name="connsiteX4" fmla="*/ 805079 w 80507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716">
                  <a:moveTo>
                    <a:pt x="805079" y="402723"/>
                  </a:moveTo>
                  <a:cubicBezTo>
                    <a:pt x="805079" y="625111"/>
                    <a:pt x="624885" y="805716"/>
                    <a:pt x="402674" y="805716"/>
                  </a:cubicBezTo>
                  <a:cubicBezTo>
                    <a:pt x="180463" y="805716"/>
                    <a:pt x="0" y="625111"/>
                    <a:pt x="0" y="402723"/>
                  </a:cubicBezTo>
                  <a:cubicBezTo>
                    <a:pt x="0" y="180336"/>
                    <a:pt x="180463" y="0"/>
                    <a:pt x="402674" y="0"/>
                  </a:cubicBezTo>
                  <a:cubicBezTo>
                    <a:pt x="624885" y="0"/>
                    <a:pt x="805079" y="180336"/>
                    <a:pt x="805079" y="402723"/>
                  </a:cubicBezTo>
                </a:path>
              </a:pathLst>
            </a:custGeom>
            <a:grp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19B27E67-EBCB-5843-9CAD-5ABAF01EE72A}"/>
                </a:ext>
              </a:extLst>
            </p:cNvPr>
            <p:cNvSpPr/>
            <p:nvPr/>
          </p:nvSpPr>
          <p:spPr>
            <a:xfrm>
              <a:off x="4429502"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96" y="0"/>
                    <a:pt x="804899" y="180336"/>
                    <a:pt x="804899" y="402723"/>
                  </a:cubicBezTo>
                </a:path>
              </a:pathLst>
            </a:custGeom>
            <a:grp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9ABE38CE-7ADA-0A47-8747-A41F80E35467}"/>
                </a:ext>
              </a:extLst>
            </p:cNvPr>
            <p:cNvSpPr/>
            <p:nvPr/>
          </p:nvSpPr>
          <p:spPr>
            <a:xfrm>
              <a:off x="5884695"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7" name="Freeform 16">
              <a:extLst>
                <a:ext uri="{FF2B5EF4-FFF2-40B4-BE49-F238E27FC236}">
                  <a16:creationId xmlns:a16="http://schemas.microsoft.com/office/drawing/2014/main" id="{74382A37-E1A1-9C43-80C1-F0E1950D6C7B}"/>
                </a:ext>
              </a:extLst>
            </p:cNvPr>
            <p:cNvSpPr/>
            <p:nvPr/>
          </p:nvSpPr>
          <p:spPr>
            <a:xfrm>
              <a:off x="86882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193" y="805627"/>
                    <a:pt x="0" y="625201"/>
                    <a:pt x="0" y="402724"/>
                  </a:cubicBezTo>
                  <a:cubicBezTo>
                    <a:pt x="0" y="180336"/>
                    <a:pt x="180193" y="0"/>
                    <a:pt x="402674" y="0"/>
                  </a:cubicBezTo>
                  <a:cubicBezTo>
                    <a:pt x="624975" y="0"/>
                    <a:pt x="805079" y="180246"/>
                    <a:pt x="805079" y="402724"/>
                  </a:cubicBezTo>
                </a:path>
              </a:pathLst>
            </a:custGeom>
            <a:grpFill/>
            <a:ln w="8971" cap="flat">
              <a:noFill/>
              <a:prstDash val="solid"/>
              <a:miter/>
            </a:ln>
          </p:spPr>
          <p:txBody>
            <a:bodyPr rtlCol="0" anchor="ctr"/>
            <a:lstStyle/>
            <a:p>
              <a:endParaRPr lang="en-RU"/>
            </a:p>
          </p:txBody>
        </p:sp>
        <p:sp>
          <p:nvSpPr>
            <p:cNvPr id="18" name="Freeform 17">
              <a:extLst>
                <a:ext uri="{FF2B5EF4-FFF2-40B4-BE49-F238E27FC236}">
                  <a16:creationId xmlns:a16="http://schemas.microsoft.com/office/drawing/2014/main" id="{D545C0D4-B9C3-964C-86E8-1F8505A11873}"/>
                </a:ext>
              </a:extLst>
            </p:cNvPr>
            <p:cNvSpPr/>
            <p:nvPr/>
          </p:nvSpPr>
          <p:spPr>
            <a:xfrm>
              <a:off x="2324106"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463" y="805627"/>
                    <a:pt x="0" y="625201"/>
                    <a:pt x="0" y="402724"/>
                  </a:cubicBezTo>
                  <a:cubicBezTo>
                    <a:pt x="0" y="180336"/>
                    <a:pt x="180463" y="0"/>
                    <a:pt x="402674" y="0"/>
                  </a:cubicBezTo>
                  <a:cubicBezTo>
                    <a:pt x="624885" y="0"/>
                    <a:pt x="805079" y="180246"/>
                    <a:pt x="805079" y="402724"/>
                  </a:cubicBezTo>
                </a:path>
              </a:pathLst>
            </a:custGeom>
            <a:grpFill/>
            <a:ln w="8971" cap="flat">
              <a:noFill/>
              <a:prstDash val="solid"/>
              <a:miter/>
            </a:ln>
          </p:spPr>
          <p:txBody>
            <a:bodyPr rtlCol="0" anchor="ctr"/>
            <a:lstStyle/>
            <a:p>
              <a:endParaRPr lang="en-RU"/>
            </a:p>
          </p:txBody>
        </p:sp>
        <p:sp>
          <p:nvSpPr>
            <p:cNvPr id="19" name="Freeform 18">
              <a:extLst>
                <a:ext uri="{FF2B5EF4-FFF2-40B4-BE49-F238E27FC236}">
                  <a16:creationId xmlns:a16="http://schemas.microsoft.com/office/drawing/2014/main" id="{1E2AF264-2D37-2A45-9217-3B2EE2BFB228}"/>
                </a:ext>
              </a:extLst>
            </p:cNvPr>
            <p:cNvSpPr/>
            <p:nvPr/>
          </p:nvSpPr>
          <p:spPr>
            <a:xfrm>
              <a:off x="3779298"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3" y="805627"/>
                    <a:pt x="0" y="625201"/>
                    <a:pt x="0" y="402724"/>
                  </a:cubicBezTo>
                  <a:cubicBezTo>
                    <a:pt x="0" y="180336"/>
                    <a:pt x="180463"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0" name="Freeform 19">
              <a:extLst>
                <a:ext uri="{FF2B5EF4-FFF2-40B4-BE49-F238E27FC236}">
                  <a16:creationId xmlns:a16="http://schemas.microsoft.com/office/drawing/2014/main" id="{4923A640-D3E9-A149-A697-E957D56BD109}"/>
                </a:ext>
              </a:extLst>
            </p:cNvPr>
            <p:cNvSpPr/>
            <p:nvPr/>
          </p:nvSpPr>
          <p:spPr>
            <a:xfrm>
              <a:off x="5234401"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2" y="805627"/>
                    <a:pt x="0" y="625201"/>
                    <a:pt x="0" y="402724"/>
                  </a:cubicBezTo>
                  <a:cubicBezTo>
                    <a:pt x="0" y="180336"/>
                    <a:pt x="180462"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1" name="Freeform 20">
              <a:extLst>
                <a:ext uri="{FF2B5EF4-FFF2-40B4-BE49-F238E27FC236}">
                  <a16:creationId xmlns:a16="http://schemas.microsoft.com/office/drawing/2014/main" id="{C10EE828-F04D-014F-8B27-1E977094B674}"/>
                </a:ext>
              </a:extLst>
            </p:cNvPr>
            <p:cNvSpPr/>
            <p:nvPr/>
          </p:nvSpPr>
          <p:spPr>
            <a:xfrm>
              <a:off x="668968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6" y="805627"/>
                    <a:pt x="402674" y="805627"/>
                  </a:cubicBezTo>
                  <a:cubicBezTo>
                    <a:pt x="180463" y="805627"/>
                    <a:pt x="0" y="625201"/>
                    <a:pt x="0" y="402724"/>
                  </a:cubicBezTo>
                  <a:cubicBezTo>
                    <a:pt x="0" y="180336"/>
                    <a:pt x="180463" y="0"/>
                    <a:pt x="402674" y="0"/>
                  </a:cubicBezTo>
                  <a:cubicBezTo>
                    <a:pt x="624886" y="0"/>
                    <a:pt x="805079" y="180246"/>
                    <a:pt x="805079" y="402724"/>
                  </a:cubicBezTo>
                </a:path>
              </a:pathLst>
            </a:custGeom>
            <a:grpFill/>
            <a:ln w="8971" cap="flat">
              <a:noFill/>
              <a:prstDash val="solid"/>
              <a:miter/>
            </a:ln>
          </p:spPr>
          <p:txBody>
            <a:bodyPr rtlCol="0" anchor="ctr"/>
            <a:lstStyle/>
            <a:p>
              <a:endParaRPr lang="en-RU"/>
            </a:p>
          </p:txBody>
        </p:sp>
      </p:grpSp>
      <p:sp>
        <p:nvSpPr>
          <p:cNvPr id="2" name="Text Placeholder 3">
            <a:extLst>
              <a:ext uri="{FF2B5EF4-FFF2-40B4-BE49-F238E27FC236}">
                <a16:creationId xmlns:a16="http://schemas.microsoft.com/office/drawing/2014/main" id="{E51053BF-CC5A-E9D7-759A-E4F7F52C8D34}"/>
              </a:ext>
            </a:extLst>
          </p:cNvPr>
          <p:cNvSpPr txBox="1">
            <a:spLocks/>
          </p:cNvSpPr>
          <p:nvPr/>
        </p:nvSpPr>
        <p:spPr>
          <a:xfrm>
            <a:off x="2146065" y="2268298"/>
            <a:ext cx="5408654" cy="3509045"/>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ts val="5300"/>
              </a:lnSpc>
              <a:spcBef>
                <a:spcPts val="1300"/>
              </a:spcBef>
              <a:spcAft>
                <a:spcPts val="600"/>
              </a:spcAft>
            </a:pPr>
            <a:r>
              <a:rPr lang="en-US" b="1" dirty="0"/>
              <a:t>3.	ÜLIÕPILASTE KUI 	DIGITAALSES 	KODANIKUÜHISKONNAS </a:t>
            </a:r>
            <a:endParaRPr lang="en-RU" b="1" i="1" dirty="0"/>
          </a:p>
        </p:txBody>
      </p:sp>
      <p:sp>
        <p:nvSpPr>
          <p:cNvPr id="3" name="Rectangle 2">
            <a:extLst>
              <a:ext uri="{FF2B5EF4-FFF2-40B4-BE49-F238E27FC236}">
                <a16:creationId xmlns:a16="http://schemas.microsoft.com/office/drawing/2014/main" id="{DB973D35-3AAC-691C-0FBC-BBF6D32DB968}"/>
              </a:ext>
            </a:extLst>
          </p:cNvPr>
          <p:cNvSpPr/>
          <p:nvPr/>
        </p:nvSpPr>
        <p:spPr>
          <a:xfrm>
            <a:off x="2146065" y="4467176"/>
            <a:ext cx="2948856"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4" name="Rectangle 3">
            <a:extLst>
              <a:ext uri="{FF2B5EF4-FFF2-40B4-BE49-F238E27FC236}">
                <a16:creationId xmlns:a16="http://schemas.microsoft.com/office/drawing/2014/main" id="{7B9E42AB-F7DD-C689-2FFB-5CBBD70A70DE}"/>
              </a:ext>
            </a:extLst>
          </p:cNvPr>
          <p:cNvSpPr/>
          <p:nvPr/>
        </p:nvSpPr>
        <p:spPr>
          <a:xfrm>
            <a:off x="2146065" y="5184148"/>
            <a:ext cx="4035649"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6" name="Rectangle 5">
            <a:extLst>
              <a:ext uri="{FF2B5EF4-FFF2-40B4-BE49-F238E27FC236}">
                <a16:creationId xmlns:a16="http://schemas.microsoft.com/office/drawing/2014/main" id="{4B17BB4D-E43B-2584-43E7-BAB0818164B5}"/>
              </a:ext>
            </a:extLst>
          </p:cNvPr>
          <p:cNvSpPr/>
          <p:nvPr/>
        </p:nvSpPr>
        <p:spPr>
          <a:xfrm>
            <a:off x="2146065" y="5887267"/>
            <a:ext cx="3423462"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22" name="Text Placeholder 3">
            <a:extLst>
              <a:ext uri="{FF2B5EF4-FFF2-40B4-BE49-F238E27FC236}">
                <a16:creationId xmlns:a16="http://schemas.microsoft.com/office/drawing/2014/main" id="{6DB4D5F0-1ADE-0ED9-E3A8-71E55086DE88}"/>
              </a:ext>
            </a:extLst>
          </p:cNvPr>
          <p:cNvSpPr txBox="1">
            <a:spLocks/>
          </p:cNvSpPr>
          <p:nvPr/>
        </p:nvSpPr>
        <p:spPr>
          <a:xfrm>
            <a:off x="2930460" y="4368656"/>
            <a:ext cx="3807957" cy="669632"/>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ts val="5300"/>
              </a:lnSpc>
              <a:spcBef>
                <a:spcPts val="1300"/>
              </a:spcBef>
              <a:spcAft>
                <a:spcPts val="600"/>
              </a:spcAft>
            </a:pPr>
            <a:r>
              <a:rPr lang="en-US" b="1" dirty="0"/>
              <a:t>OSALEJATE</a:t>
            </a:r>
          </a:p>
        </p:txBody>
      </p:sp>
      <p:sp>
        <p:nvSpPr>
          <p:cNvPr id="23" name="Text Placeholder 3">
            <a:extLst>
              <a:ext uri="{FF2B5EF4-FFF2-40B4-BE49-F238E27FC236}">
                <a16:creationId xmlns:a16="http://schemas.microsoft.com/office/drawing/2014/main" id="{50C22576-E320-9526-9785-8A3D514B1029}"/>
              </a:ext>
            </a:extLst>
          </p:cNvPr>
          <p:cNvSpPr txBox="1">
            <a:spLocks/>
          </p:cNvSpPr>
          <p:nvPr/>
        </p:nvSpPr>
        <p:spPr>
          <a:xfrm>
            <a:off x="2972024" y="5075238"/>
            <a:ext cx="3807957" cy="669632"/>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ts val="5300"/>
              </a:lnSpc>
              <a:spcBef>
                <a:spcPts val="1300"/>
              </a:spcBef>
              <a:spcAft>
                <a:spcPts val="600"/>
              </a:spcAft>
            </a:pPr>
            <a:r>
              <a:rPr lang="en-US" b="1" dirty="0"/>
              <a:t>TÖÖVAHENDITE</a:t>
            </a:r>
          </a:p>
        </p:txBody>
      </p:sp>
      <p:sp>
        <p:nvSpPr>
          <p:cNvPr id="24" name="Text Placeholder 3">
            <a:extLst>
              <a:ext uri="{FF2B5EF4-FFF2-40B4-BE49-F238E27FC236}">
                <a16:creationId xmlns:a16="http://schemas.microsoft.com/office/drawing/2014/main" id="{D2636447-5AAA-E2C5-2C41-0CECDF628468}"/>
              </a:ext>
            </a:extLst>
          </p:cNvPr>
          <p:cNvSpPr txBox="1">
            <a:spLocks/>
          </p:cNvSpPr>
          <p:nvPr/>
        </p:nvSpPr>
        <p:spPr>
          <a:xfrm>
            <a:off x="2999733" y="5823384"/>
            <a:ext cx="3807957" cy="669632"/>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ts val="5300"/>
              </a:lnSpc>
              <a:spcBef>
                <a:spcPts val="1300"/>
              </a:spcBef>
              <a:spcAft>
                <a:spcPts val="600"/>
              </a:spcAft>
            </a:pPr>
            <a:r>
              <a:rPr lang="en-US" b="1" dirty="0"/>
              <a:t>KOMPLEKTI KASUTAMINE </a:t>
            </a:r>
            <a:endParaRPr lang="en-RU" b="1" i="1" dirty="0"/>
          </a:p>
        </p:txBody>
      </p:sp>
    </p:spTree>
    <p:extLst>
      <p:ext uri="{BB962C8B-B14F-4D97-AF65-F5344CB8AC3E}">
        <p14:creationId xmlns:p14="http://schemas.microsoft.com/office/powerpoint/2010/main" val="755796860"/>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 name="Rectangle 28">
            <a:extLst>
              <a:ext uri="{FF2B5EF4-FFF2-40B4-BE49-F238E27FC236}">
                <a16:creationId xmlns:a16="http://schemas.microsoft.com/office/drawing/2014/main" id="{4CB62C5C-334C-B645-B407-6C15C401DA6E}"/>
              </a:ext>
            </a:extLst>
          </p:cNvPr>
          <p:cNvSpPr/>
          <p:nvPr/>
        </p:nvSpPr>
        <p:spPr>
          <a:xfrm>
            <a:off x="0" y="5275373"/>
            <a:ext cx="7559675" cy="4352722"/>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55" name="Rectangle 54">
            <a:extLst>
              <a:ext uri="{FF2B5EF4-FFF2-40B4-BE49-F238E27FC236}">
                <a16:creationId xmlns:a16="http://schemas.microsoft.com/office/drawing/2014/main" id="{DA54F180-B87C-648E-9228-ED8DC1B29CC0}"/>
              </a:ext>
            </a:extLst>
          </p:cNvPr>
          <p:cNvSpPr/>
          <p:nvPr/>
        </p:nvSpPr>
        <p:spPr>
          <a:xfrm>
            <a:off x="1416639" y="5619616"/>
            <a:ext cx="4723375" cy="370603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 name="Text Placeholder 3">
            <a:extLst>
              <a:ext uri="{FF2B5EF4-FFF2-40B4-BE49-F238E27FC236}">
                <a16:creationId xmlns:a16="http://schemas.microsoft.com/office/drawing/2014/main" id="{C026F2F2-A496-C04B-94D9-50104209C973}"/>
              </a:ext>
            </a:extLst>
          </p:cNvPr>
          <p:cNvSpPr>
            <a:spLocks noGrp="1"/>
          </p:cNvSpPr>
          <p:nvPr>
            <p:ph type="body" sz="quarter" idx="33"/>
          </p:nvPr>
        </p:nvSpPr>
        <p:spPr>
          <a:xfrm>
            <a:off x="522456" y="577092"/>
            <a:ext cx="6533982" cy="1196415"/>
          </a:xfrm>
        </p:spPr>
        <p:txBody>
          <a:bodyPr/>
          <a:lstStyle/>
          <a:p>
            <a:r>
              <a:rPr lang="et-EE"/>
              <a:t>“Üliõpilaste kui digitaalses kodanikuühiskonnas osalejate töövahendite komplekti” eesmärgiks on suurendada ülikooli ja õppejõudude võimekust ja motivatsiooni lisada digitaalse kodanikuosaluse tegevusi oma õppekavadesse ja õpetamisstrateegiatesse, pöörates erilist tähelepanu nende enesekindluse suurendamisele digitaalsete töövahendite kasutamisel. Töövahendite komplekt koosneb </a:t>
            </a:r>
            <a:r>
              <a:rPr lang="et-EE" b="1"/>
              <a:t>24 töövahendist kuues erinevas kategoorias</a:t>
            </a:r>
            <a:r>
              <a:rPr lang="et-EE"/>
              <a:t>: esitluse töövahendid, ühisloome töövahendid, koostöö töövahendid, ühiskonnaelu töövahendid, sotsiaalsed tehnoloogiad ja digiloome töövahendid. Töövahendite komplekti eesmärk on tuua esile, millised töövahendid on saadaval ja kuidas neid saab vastavalt vajadusele kasutada. Iga töövahendi tutvustamisel on järgitud lihtsat neljasammulist lähenemist: </a:t>
            </a:r>
            <a:endParaRPr lang="en-LB"/>
          </a:p>
          <a:p>
            <a:endParaRPr lang="en-RU" dirty="0"/>
          </a:p>
        </p:txBody>
      </p:sp>
      <p:sp>
        <p:nvSpPr>
          <p:cNvPr id="5" name="Freeform 175">
            <a:extLst>
              <a:ext uri="{FF2B5EF4-FFF2-40B4-BE49-F238E27FC236}">
                <a16:creationId xmlns:a16="http://schemas.microsoft.com/office/drawing/2014/main" id="{22BDFABB-A3E8-E44D-B7C3-4B895FE6B6F9}"/>
              </a:ext>
            </a:extLst>
          </p:cNvPr>
          <p:cNvSpPr>
            <a:spLocks noChangeArrowheads="1"/>
          </p:cNvSpPr>
          <p:nvPr/>
        </p:nvSpPr>
        <p:spPr bwMode="auto">
          <a:xfrm>
            <a:off x="522456" y="2442932"/>
            <a:ext cx="1564610" cy="1695330"/>
          </a:xfrm>
          <a:custGeom>
            <a:avLst/>
            <a:gdLst>
              <a:gd name="T0" fmla="*/ 3123 w 3430"/>
              <a:gd name="T1" fmla="*/ 642 h 3719"/>
              <a:gd name="T2" fmla="*/ 3123 w 3430"/>
              <a:gd name="T3" fmla="*/ 642 h 3719"/>
              <a:gd name="T4" fmla="*/ 2090 w 3430"/>
              <a:gd name="T5" fmla="*/ 642 h 3719"/>
              <a:gd name="T6" fmla="*/ 1715 w 3430"/>
              <a:gd name="T7" fmla="*/ 0 h 3719"/>
              <a:gd name="T8" fmla="*/ 1347 w 3430"/>
              <a:gd name="T9" fmla="*/ 642 h 3719"/>
              <a:gd name="T10" fmla="*/ 307 w 3430"/>
              <a:gd name="T11" fmla="*/ 642 h 3719"/>
              <a:gd name="T12" fmla="*/ 0 w 3430"/>
              <a:gd name="T13" fmla="*/ 948 h 3719"/>
              <a:gd name="T14" fmla="*/ 0 w 3430"/>
              <a:gd name="T15" fmla="*/ 3420 h 3719"/>
              <a:gd name="T16" fmla="*/ 307 w 3430"/>
              <a:gd name="T17" fmla="*/ 3718 h 3719"/>
              <a:gd name="T18" fmla="*/ 3123 w 3430"/>
              <a:gd name="T19" fmla="*/ 3718 h 3719"/>
              <a:gd name="T20" fmla="*/ 3429 w 3430"/>
              <a:gd name="T21" fmla="*/ 3420 h 3719"/>
              <a:gd name="T22" fmla="*/ 3429 w 3430"/>
              <a:gd name="T23" fmla="*/ 948 h 3719"/>
              <a:gd name="T24" fmla="*/ 3123 w 3430"/>
              <a:gd name="T25" fmla="*/ 642 h 371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3430" h="3719">
                <a:moveTo>
                  <a:pt x="3123" y="642"/>
                </a:moveTo>
                <a:lnTo>
                  <a:pt x="3123" y="642"/>
                </a:lnTo>
                <a:cubicBezTo>
                  <a:pt x="2090" y="642"/>
                  <a:pt x="2090" y="642"/>
                  <a:pt x="2090" y="642"/>
                </a:cubicBezTo>
                <a:cubicBezTo>
                  <a:pt x="1715" y="0"/>
                  <a:pt x="1715" y="0"/>
                  <a:pt x="1715" y="0"/>
                </a:cubicBezTo>
                <a:cubicBezTo>
                  <a:pt x="1347" y="642"/>
                  <a:pt x="1347" y="642"/>
                  <a:pt x="1347" y="642"/>
                </a:cubicBezTo>
                <a:cubicBezTo>
                  <a:pt x="307" y="642"/>
                  <a:pt x="307" y="642"/>
                  <a:pt x="307" y="642"/>
                </a:cubicBezTo>
                <a:cubicBezTo>
                  <a:pt x="138" y="642"/>
                  <a:pt x="0" y="780"/>
                  <a:pt x="0" y="948"/>
                </a:cubicBezTo>
                <a:cubicBezTo>
                  <a:pt x="0" y="3420"/>
                  <a:pt x="0" y="3420"/>
                  <a:pt x="0" y="3420"/>
                </a:cubicBezTo>
                <a:cubicBezTo>
                  <a:pt x="0" y="3588"/>
                  <a:pt x="138" y="3718"/>
                  <a:pt x="307" y="3718"/>
                </a:cubicBezTo>
                <a:cubicBezTo>
                  <a:pt x="3123" y="3718"/>
                  <a:pt x="3123" y="3718"/>
                  <a:pt x="3123" y="3718"/>
                </a:cubicBezTo>
                <a:cubicBezTo>
                  <a:pt x="3291" y="3718"/>
                  <a:pt x="3429" y="3588"/>
                  <a:pt x="3429" y="3420"/>
                </a:cubicBezTo>
                <a:cubicBezTo>
                  <a:pt x="3429" y="948"/>
                  <a:pt x="3429" y="948"/>
                  <a:pt x="3429" y="948"/>
                </a:cubicBezTo>
                <a:cubicBezTo>
                  <a:pt x="3429" y="780"/>
                  <a:pt x="3291" y="642"/>
                  <a:pt x="3123" y="642"/>
                </a:cubicBezTo>
              </a:path>
            </a:pathLst>
          </a:custGeom>
          <a:solidFill>
            <a:srgbClr val="23385C"/>
          </a:solidFill>
          <a:ln w="9525" cap="flat">
            <a:noFill/>
            <a:bevel/>
            <a:headEnd/>
            <a:tailEnd/>
          </a:ln>
          <a:effectLst/>
        </p:spPr>
        <p:txBody>
          <a:bodyPr wrap="none" anchor="ctr"/>
          <a:lstStyle/>
          <a:p>
            <a:endParaRPr lang="en-US"/>
          </a:p>
        </p:txBody>
      </p:sp>
      <p:sp>
        <p:nvSpPr>
          <p:cNvPr id="6" name="Freeform 176">
            <a:extLst>
              <a:ext uri="{FF2B5EF4-FFF2-40B4-BE49-F238E27FC236}">
                <a16:creationId xmlns:a16="http://schemas.microsoft.com/office/drawing/2014/main" id="{6559D796-1213-0343-987E-EBEFC7419F58}"/>
              </a:ext>
            </a:extLst>
          </p:cNvPr>
          <p:cNvSpPr>
            <a:spLocks noChangeArrowheads="1"/>
          </p:cNvSpPr>
          <p:nvPr/>
        </p:nvSpPr>
        <p:spPr bwMode="auto">
          <a:xfrm>
            <a:off x="2180587" y="2442932"/>
            <a:ext cx="1560588" cy="1695330"/>
          </a:xfrm>
          <a:custGeom>
            <a:avLst/>
            <a:gdLst>
              <a:gd name="T0" fmla="*/ 3122 w 3421"/>
              <a:gd name="T1" fmla="*/ 642 h 3719"/>
              <a:gd name="T2" fmla="*/ 3122 w 3421"/>
              <a:gd name="T3" fmla="*/ 642 h 3719"/>
              <a:gd name="T4" fmla="*/ 2089 w 3421"/>
              <a:gd name="T5" fmla="*/ 642 h 3719"/>
              <a:gd name="T6" fmla="*/ 1722 w 3421"/>
              <a:gd name="T7" fmla="*/ 0 h 3719"/>
              <a:gd name="T8" fmla="*/ 1347 w 3421"/>
              <a:gd name="T9" fmla="*/ 642 h 3719"/>
              <a:gd name="T10" fmla="*/ 306 w 3421"/>
              <a:gd name="T11" fmla="*/ 642 h 3719"/>
              <a:gd name="T12" fmla="*/ 0 w 3421"/>
              <a:gd name="T13" fmla="*/ 948 h 3719"/>
              <a:gd name="T14" fmla="*/ 0 w 3421"/>
              <a:gd name="T15" fmla="*/ 3420 h 3719"/>
              <a:gd name="T16" fmla="*/ 306 w 3421"/>
              <a:gd name="T17" fmla="*/ 3718 h 3719"/>
              <a:gd name="T18" fmla="*/ 3122 w 3421"/>
              <a:gd name="T19" fmla="*/ 3718 h 3719"/>
              <a:gd name="T20" fmla="*/ 3420 w 3421"/>
              <a:gd name="T21" fmla="*/ 3420 h 3719"/>
              <a:gd name="T22" fmla="*/ 3420 w 3421"/>
              <a:gd name="T23" fmla="*/ 948 h 3719"/>
              <a:gd name="T24" fmla="*/ 3122 w 3421"/>
              <a:gd name="T25" fmla="*/ 642 h 371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3421" h="3719">
                <a:moveTo>
                  <a:pt x="3122" y="642"/>
                </a:moveTo>
                <a:lnTo>
                  <a:pt x="3122" y="642"/>
                </a:lnTo>
                <a:cubicBezTo>
                  <a:pt x="2089" y="642"/>
                  <a:pt x="2089" y="642"/>
                  <a:pt x="2089" y="642"/>
                </a:cubicBezTo>
                <a:cubicBezTo>
                  <a:pt x="1722" y="0"/>
                  <a:pt x="1722" y="0"/>
                  <a:pt x="1722" y="0"/>
                </a:cubicBezTo>
                <a:cubicBezTo>
                  <a:pt x="1347" y="642"/>
                  <a:pt x="1347" y="642"/>
                  <a:pt x="1347" y="642"/>
                </a:cubicBezTo>
                <a:cubicBezTo>
                  <a:pt x="306" y="642"/>
                  <a:pt x="306" y="642"/>
                  <a:pt x="306" y="642"/>
                </a:cubicBezTo>
                <a:cubicBezTo>
                  <a:pt x="138" y="642"/>
                  <a:pt x="0" y="780"/>
                  <a:pt x="0" y="948"/>
                </a:cubicBezTo>
                <a:cubicBezTo>
                  <a:pt x="0" y="3420"/>
                  <a:pt x="0" y="3420"/>
                  <a:pt x="0" y="3420"/>
                </a:cubicBezTo>
                <a:cubicBezTo>
                  <a:pt x="0" y="3588"/>
                  <a:pt x="138" y="3718"/>
                  <a:pt x="306" y="3718"/>
                </a:cubicBezTo>
                <a:cubicBezTo>
                  <a:pt x="3122" y="3718"/>
                  <a:pt x="3122" y="3718"/>
                  <a:pt x="3122" y="3718"/>
                </a:cubicBezTo>
                <a:cubicBezTo>
                  <a:pt x="3290" y="3718"/>
                  <a:pt x="3420" y="3588"/>
                  <a:pt x="3420" y="3420"/>
                </a:cubicBezTo>
                <a:cubicBezTo>
                  <a:pt x="3420" y="948"/>
                  <a:pt x="3420" y="948"/>
                  <a:pt x="3420" y="948"/>
                </a:cubicBezTo>
                <a:cubicBezTo>
                  <a:pt x="3420" y="780"/>
                  <a:pt x="3290" y="642"/>
                  <a:pt x="3122" y="642"/>
                </a:cubicBezTo>
              </a:path>
            </a:pathLst>
          </a:custGeom>
          <a:solidFill>
            <a:srgbClr val="00A4B8"/>
          </a:solidFill>
          <a:ln w="9525" cap="flat">
            <a:noFill/>
            <a:bevel/>
            <a:headEnd/>
            <a:tailEnd/>
          </a:ln>
          <a:effectLst/>
        </p:spPr>
        <p:txBody>
          <a:bodyPr wrap="none" anchor="ctr"/>
          <a:lstStyle/>
          <a:p>
            <a:endParaRPr lang="en-US"/>
          </a:p>
        </p:txBody>
      </p:sp>
      <p:sp>
        <p:nvSpPr>
          <p:cNvPr id="8" name="Freeform 178">
            <a:extLst>
              <a:ext uri="{FF2B5EF4-FFF2-40B4-BE49-F238E27FC236}">
                <a16:creationId xmlns:a16="http://schemas.microsoft.com/office/drawing/2014/main" id="{A5B28090-4CE1-1447-B587-B605D2B1D4DF}"/>
              </a:ext>
            </a:extLst>
          </p:cNvPr>
          <p:cNvSpPr>
            <a:spLocks noChangeArrowheads="1"/>
          </p:cNvSpPr>
          <p:nvPr/>
        </p:nvSpPr>
        <p:spPr bwMode="auto">
          <a:xfrm>
            <a:off x="5491796" y="2458430"/>
            <a:ext cx="1560588" cy="1695330"/>
          </a:xfrm>
          <a:custGeom>
            <a:avLst/>
            <a:gdLst>
              <a:gd name="T0" fmla="*/ 3115 w 3422"/>
              <a:gd name="T1" fmla="*/ 642 h 3719"/>
              <a:gd name="T2" fmla="*/ 3115 w 3422"/>
              <a:gd name="T3" fmla="*/ 642 h 3719"/>
              <a:gd name="T4" fmla="*/ 2105 w 3422"/>
              <a:gd name="T5" fmla="*/ 642 h 3719"/>
              <a:gd name="T6" fmla="*/ 1737 w 3422"/>
              <a:gd name="T7" fmla="*/ 0 h 3719"/>
              <a:gd name="T8" fmla="*/ 1362 w 3422"/>
              <a:gd name="T9" fmla="*/ 642 h 3719"/>
              <a:gd name="T10" fmla="*/ 299 w 3422"/>
              <a:gd name="T11" fmla="*/ 642 h 3719"/>
              <a:gd name="T12" fmla="*/ 0 w 3422"/>
              <a:gd name="T13" fmla="*/ 948 h 3719"/>
              <a:gd name="T14" fmla="*/ 0 w 3422"/>
              <a:gd name="T15" fmla="*/ 3420 h 3719"/>
              <a:gd name="T16" fmla="*/ 299 w 3422"/>
              <a:gd name="T17" fmla="*/ 3718 h 3719"/>
              <a:gd name="T18" fmla="*/ 3115 w 3422"/>
              <a:gd name="T19" fmla="*/ 3718 h 3719"/>
              <a:gd name="T20" fmla="*/ 3421 w 3422"/>
              <a:gd name="T21" fmla="*/ 3420 h 3719"/>
              <a:gd name="T22" fmla="*/ 3421 w 3422"/>
              <a:gd name="T23" fmla="*/ 948 h 3719"/>
              <a:gd name="T24" fmla="*/ 3115 w 3422"/>
              <a:gd name="T25" fmla="*/ 642 h 371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3422" h="3719">
                <a:moveTo>
                  <a:pt x="3115" y="642"/>
                </a:moveTo>
                <a:lnTo>
                  <a:pt x="3115" y="642"/>
                </a:lnTo>
                <a:cubicBezTo>
                  <a:pt x="2105" y="642"/>
                  <a:pt x="2105" y="642"/>
                  <a:pt x="2105" y="642"/>
                </a:cubicBezTo>
                <a:cubicBezTo>
                  <a:pt x="1737" y="0"/>
                  <a:pt x="1737" y="0"/>
                  <a:pt x="1737" y="0"/>
                </a:cubicBezTo>
                <a:cubicBezTo>
                  <a:pt x="1362" y="642"/>
                  <a:pt x="1362" y="642"/>
                  <a:pt x="1362" y="642"/>
                </a:cubicBezTo>
                <a:cubicBezTo>
                  <a:pt x="299" y="642"/>
                  <a:pt x="299" y="642"/>
                  <a:pt x="299" y="642"/>
                </a:cubicBezTo>
                <a:cubicBezTo>
                  <a:pt x="130" y="642"/>
                  <a:pt x="0" y="780"/>
                  <a:pt x="0" y="948"/>
                </a:cubicBezTo>
                <a:cubicBezTo>
                  <a:pt x="0" y="3420"/>
                  <a:pt x="0" y="3420"/>
                  <a:pt x="0" y="3420"/>
                </a:cubicBezTo>
                <a:cubicBezTo>
                  <a:pt x="0" y="3588"/>
                  <a:pt x="130" y="3718"/>
                  <a:pt x="299" y="3718"/>
                </a:cubicBezTo>
                <a:cubicBezTo>
                  <a:pt x="3115" y="3718"/>
                  <a:pt x="3115" y="3718"/>
                  <a:pt x="3115" y="3718"/>
                </a:cubicBezTo>
                <a:cubicBezTo>
                  <a:pt x="3283" y="3718"/>
                  <a:pt x="3421" y="3588"/>
                  <a:pt x="3421" y="3420"/>
                </a:cubicBezTo>
                <a:cubicBezTo>
                  <a:pt x="3421" y="948"/>
                  <a:pt x="3421" y="948"/>
                  <a:pt x="3421" y="948"/>
                </a:cubicBezTo>
                <a:cubicBezTo>
                  <a:pt x="3421" y="780"/>
                  <a:pt x="3283" y="642"/>
                  <a:pt x="3115" y="642"/>
                </a:cubicBezTo>
              </a:path>
            </a:pathLst>
          </a:custGeom>
          <a:solidFill>
            <a:srgbClr val="F16A4C"/>
          </a:solidFill>
          <a:ln w="9525" cap="flat">
            <a:noFill/>
            <a:bevel/>
            <a:headEnd/>
            <a:tailEnd/>
          </a:ln>
          <a:effectLst/>
        </p:spPr>
        <p:txBody>
          <a:bodyPr wrap="none" anchor="ctr"/>
          <a:lstStyle/>
          <a:p>
            <a:endParaRPr lang="en-US"/>
          </a:p>
        </p:txBody>
      </p:sp>
      <p:sp>
        <p:nvSpPr>
          <p:cNvPr id="10" name="Text Placeholder 17">
            <a:extLst>
              <a:ext uri="{FF2B5EF4-FFF2-40B4-BE49-F238E27FC236}">
                <a16:creationId xmlns:a16="http://schemas.microsoft.com/office/drawing/2014/main" id="{0B33AACD-1DEF-194C-9BEB-9AEFD11D2BD0}"/>
              </a:ext>
            </a:extLst>
          </p:cNvPr>
          <p:cNvSpPr txBox="1">
            <a:spLocks/>
          </p:cNvSpPr>
          <p:nvPr/>
        </p:nvSpPr>
        <p:spPr>
          <a:xfrm>
            <a:off x="537520" y="3338525"/>
            <a:ext cx="1550431" cy="805987"/>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spcBef>
                <a:spcPts val="0"/>
              </a:spcBef>
            </a:pPr>
            <a:r>
              <a:rPr lang="en-GB" sz="1100" dirty="0"/>
              <a:t>Lühidalt igast</a:t>
            </a:r>
          </a:p>
          <a:p>
            <a:pPr>
              <a:spcBef>
                <a:spcPts val="0"/>
              </a:spcBef>
            </a:pPr>
            <a:r>
              <a:rPr lang="en-GB" sz="1100" dirty="0"/>
              <a:t>digivahendist – Iga</a:t>
            </a:r>
          </a:p>
          <a:p>
            <a:pPr>
              <a:spcBef>
                <a:spcPts val="0"/>
              </a:spcBef>
            </a:pPr>
            <a:r>
              <a:rPr lang="en-GB" sz="1100" dirty="0"/>
              <a:t>Digivahendi</a:t>
            </a:r>
          </a:p>
          <a:p>
            <a:pPr>
              <a:spcBef>
                <a:spcPts val="0"/>
              </a:spcBef>
            </a:pPr>
            <a:r>
              <a:rPr lang="en-GB" sz="1100" dirty="0"/>
              <a:t>lühitutvustus</a:t>
            </a:r>
          </a:p>
        </p:txBody>
      </p:sp>
      <p:sp>
        <p:nvSpPr>
          <p:cNvPr id="11" name="Text Placeholder 17">
            <a:extLst>
              <a:ext uri="{FF2B5EF4-FFF2-40B4-BE49-F238E27FC236}">
                <a16:creationId xmlns:a16="http://schemas.microsoft.com/office/drawing/2014/main" id="{DAE1B29E-E284-5D49-95D8-9F661BD65EAF}"/>
              </a:ext>
            </a:extLst>
          </p:cNvPr>
          <p:cNvSpPr txBox="1">
            <a:spLocks/>
          </p:cNvSpPr>
          <p:nvPr/>
        </p:nvSpPr>
        <p:spPr>
          <a:xfrm>
            <a:off x="536399" y="2936449"/>
            <a:ext cx="1550432" cy="272855"/>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1"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dirty="0"/>
              <a:t>Samm 1</a:t>
            </a:r>
            <a:endParaRPr lang="en-US" dirty="0"/>
          </a:p>
        </p:txBody>
      </p:sp>
      <p:sp>
        <p:nvSpPr>
          <p:cNvPr id="12" name="Text Placeholder 17">
            <a:extLst>
              <a:ext uri="{FF2B5EF4-FFF2-40B4-BE49-F238E27FC236}">
                <a16:creationId xmlns:a16="http://schemas.microsoft.com/office/drawing/2014/main" id="{6123C28E-B92D-5044-A0AB-588E781E088C}"/>
              </a:ext>
            </a:extLst>
          </p:cNvPr>
          <p:cNvSpPr txBox="1">
            <a:spLocks/>
          </p:cNvSpPr>
          <p:nvPr/>
        </p:nvSpPr>
        <p:spPr>
          <a:xfrm>
            <a:off x="2207225" y="3332275"/>
            <a:ext cx="1564611" cy="805987"/>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spcBef>
                <a:spcPts val="0"/>
              </a:spcBef>
            </a:pPr>
            <a:r>
              <a:rPr lang="en-GB" sz="1100" dirty="0"/>
              <a:t>Tutvu digivahendi</a:t>
            </a:r>
          </a:p>
          <a:p>
            <a:pPr>
              <a:spcBef>
                <a:spcPts val="0"/>
              </a:spcBef>
            </a:pPr>
            <a:r>
              <a:rPr lang="en-GB" sz="1100" dirty="0"/>
              <a:t>eeliste ja puudustega</a:t>
            </a:r>
            <a:endParaRPr lang="en-US" sz="1100" dirty="0"/>
          </a:p>
        </p:txBody>
      </p:sp>
      <p:sp>
        <p:nvSpPr>
          <p:cNvPr id="13" name="Text Placeholder 17">
            <a:extLst>
              <a:ext uri="{FF2B5EF4-FFF2-40B4-BE49-F238E27FC236}">
                <a16:creationId xmlns:a16="http://schemas.microsoft.com/office/drawing/2014/main" id="{097E4D86-A5CF-F540-AC0B-6C670BC85173}"/>
              </a:ext>
            </a:extLst>
          </p:cNvPr>
          <p:cNvSpPr txBox="1">
            <a:spLocks/>
          </p:cNvSpPr>
          <p:nvPr/>
        </p:nvSpPr>
        <p:spPr>
          <a:xfrm>
            <a:off x="2182954" y="2930199"/>
            <a:ext cx="1564612" cy="272855"/>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1"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dirty="0"/>
              <a:t>Samm 2</a:t>
            </a:r>
            <a:endParaRPr lang="en-US" dirty="0"/>
          </a:p>
        </p:txBody>
      </p:sp>
      <p:sp>
        <p:nvSpPr>
          <p:cNvPr id="16" name="Text Placeholder 17">
            <a:extLst>
              <a:ext uri="{FF2B5EF4-FFF2-40B4-BE49-F238E27FC236}">
                <a16:creationId xmlns:a16="http://schemas.microsoft.com/office/drawing/2014/main" id="{83AB2DD8-150A-FB48-802A-84E2EC0A3DEB}"/>
              </a:ext>
            </a:extLst>
          </p:cNvPr>
          <p:cNvSpPr txBox="1">
            <a:spLocks/>
          </p:cNvSpPr>
          <p:nvPr/>
        </p:nvSpPr>
        <p:spPr>
          <a:xfrm>
            <a:off x="5521434" y="3333069"/>
            <a:ext cx="1539294" cy="805987"/>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spcBef>
                <a:spcPts val="0"/>
              </a:spcBef>
            </a:pPr>
            <a:r>
              <a:rPr lang="en-GB" sz="1100" dirty="0"/>
              <a:t>Alusta digivahendi</a:t>
            </a:r>
          </a:p>
          <a:p>
            <a:pPr>
              <a:spcBef>
                <a:spcPts val="0"/>
              </a:spcBef>
            </a:pPr>
            <a:r>
              <a:rPr lang="en-GB" sz="1100" dirty="0"/>
              <a:t>kasutamist</a:t>
            </a:r>
            <a:endParaRPr lang="en-US" sz="1100" dirty="0"/>
          </a:p>
        </p:txBody>
      </p:sp>
      <p:sp>
        <p:nvSpPr>
          <p:cNvPr id="17" name="Text Placeholder 17">
            <a:extLst>
              <a:ext uri="{FF2B5EF4-FFF2-40B4-BE49-F238E27FC236}">
                <a16:creationId xmlns:a16="http://schemas.microsoft.com/office/drawing/2014/main" id="{069F5EB2-C961-8345-806E-7AC7AC8BBF85}"/>
              </a:ext>
            </a:extLst>
          </p:cNvPr>
          <p:cNvSpPr txBox="1">
            <a:spLocks/>
          </p:cNvSpPr>
          <p:nvPr/>
        </p:nvSpPr>
        <p:spPr>
          <a:xfrm>
            <a:off x="5520312" y="2930993"/>
            <a:ext cx="1539294" cy="272855"/>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1"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dirty="0"/>
              <a:t>Samm 4</a:t>
            </a:r>
            <a:endParaRPr lang="en-US" dirty="0"/>
          </a:p>
        </p:txBody>
      </p:sp>
      <p:sp>
        <p:nvSpPr>
          <p:cNvPr id="20" name="Freeform 176">
            <a:extLst>
              <a:ext uri="{FF2B5EF4-FFF2-40B4-BE49-F238E27FC236}">
                <a16:creationId xmlns:a16="http://schemas.microsoft.com/office/drawing/2014/main" id="{EB3D1C4B-2C90-7140-A48D-05D1054915A1}"/>
              </a:ext>
            </a:extLst>
          </p:cNvPr>
          <p:cNvSpPr>
            <a:spLocks noChangeArrowheads="1"/>
          </p:cNvSpPr>
          <p:nvPr/>
        </p:nvSpPr>
        <p:spPr bwMode="auto">
          <a:xfrm>
            <a:off x="3838906" y="2458430"/>
            <a:ext cx="1560588" cy="1695330"/>
          </a:xfrm>
          <a:custGeom>
            <a:avLst/>
            <a:gdLst>
              <a:gd name="T0" fmla="*/ 3122 w 3421"/>
              <a:gd name="T1" fmla="*/ 642 h 3719"/>
              <a:gd name="T2" fmla="*/ 3122 w 3421"/>
              <a:gd name="T3" fmla="*/ 642 h 3719"/>
              <a:gd name="T4" fmla="*/ 2089 w 3421"/>
              <a:gd name="T5" fmla="*/ 642 h 3719"/>
              <a:gd name="T6" fmla="*/ 1722 w 3421"/>
              <a:gd name="T7" fmla="*/ 0 h 3719"/>
              <a:gd name="T8" fmla="*/ 1347 w 3421"/>
              <a:gd name="T9" fmla="*/ 642 h 3719"/>
              <a:gd name="T10" fmla="*/ 306 w 3421"/>
              <a:gd name="T11" fmla="*/ 642 h 3719"/>
              <a:gd name="T12" fmla="*/ 0 w 3421"/>
              <a:gd name="T13" fmla="*/ 948 h 3719"/>
              <a:gd name="T14" fmla="*/ 0 w 3421"/>
              <a:gd name="T15" fmla="*/ 3420 h 3719"/>
              <a:gd name="T16" fmla="*/ 306 w 3421"/>
              <a:gd name="T17" fmla="*/ 3718 h 3719"/>
              <a:gd name="T18" fmla="*/ 3122 w 3421"/>
              <a:gd name="T19" fmla="*/ 3718 h 3719"/>
              <a:gd name="T20" fmla="*/ 3420 w 3421"/>
              <a:gd name="T21" fmla="*/ 3420 h 3719"/>
              <a:gd name="T22" fmla="*/ 3420 w 3421"/>
              <a:gd name="T23" fmla="*/ 948 h 3719"/>
              <a:gd name="T24" fmla="*/ 3122 w 3421"/>
              <a:gd name="T25" fmla="*/ 642 h 371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3421" h="3719">
                <a:moveTo>
                  <a:pt x="3122" y="642"/>
                </a:moveTo>
                <a:lnTo>
                  <a:pt x="3122" y="642"/>
                </a:lnTo>
                <a:cubicBezTo>
                  <a:pt x="2089" y="642"/>
                  <a:pt x="2089" y="642"/>
                  <a:pt x="2089" y="642"/>
                </a:cubicBezTo>
                <a:cubicBezTo>
                  <a:pt x="1722" y="0"/>
                  <a:pt x="1722" y="0"/>
                  <a:pt x="1722" y="0"/>
                </a:cubicBezTo>
                <a:cubicBezTo>
                  <a:pt x="1347" y="642"/>
                  <a:pt x="1347" y="642"/>
                  <a:pt x="1347" y="642"/>
                </a:cubicBezTo>
                <a:cubicBezTo>
                  <a:pt x="306" y="642"/>
                  <a:pt x="306" y="642"/>
                  <a:pt x="306" y="642"/>
                </a:cubicBezTo>
                <a:cubicBezTo>
                  <a:pt x="138" y="642"/>
                  <a:pt x="0" y="780"/>
                  <a:pt x="0" y="948"/>
                </a:cubicBezTo>
                <a:cubicBezTo>
                  <a:pt x="0" y="3420"/>
                  <a:pt x="0" y="3420"/>
                  <a:pt x="0" y="3420"/>
                </a:cubicBezTo>
                <a:cubicBezTo>
                  <a:pt x="0" y="3588"/>
                  <a:pt x="138" y="3718"/>
                  <a:pt x="306" y="3718"/>
                </a:cubicBezTo>
                <a:cubicBezTo>
                  <a:pt x="3122" y="3718"/>
                  <a:pt x="3122" y="3718"/>
                  <a:pt x="3122" y="3718"/>
                </a:cubicBezTo>
                <a:cubicBezTo>
                  <a:pt x="3290" y="3718"/>
                  <a:pt x="3420" y="3588"/>
                  <a:pt x="3420" y="3420"/>
                </a:cubicBezTo>
                <a:cubicBezTo>
                  <a:pt x="3420" y="948"/>
                  <a:pt x="3420" y="948"/>
                  <a:pt x="3420" y="948"/>
                </a:cubicBezTo>
                <a:cubicBezTo>
                  <a:pt x="3420" y="780"/>
                  <a:pt x="3290" y="642"/>
                  <a:pt x="3122" y="642"/>
                </a:cubicBezTo>
              </a:path>
            </a:pathLst>
          </a:custGeom>
          <a:solidFill>
            <a:srgbClr val="7FCCC7"/>
          </a:solidFill>
          <a:ln w="9525" cap="flat">
            <a:noFill/>
            <a:bevel/>
            <a:headEnd/>
            <a:tailEnd/>
          </a:ln>
          <a:effectLst/>
        </p:spPr>
        <p:txBody>
          <a:bodyPr wrap="none" anchor="ctr"/>
          <a:lstStyle/>
          <a:p>
            <a:endParaRPr lang="en-US"/>
          </a:p>
        </p:txBody>
      </p:sp>
      <p:sp>
        <p:nvSpPr>
          <p:cNvPr id="21" name="Text Placeholder 17">
            <a:extLst>
              <a:ext uri="{FF2B5EF4-FFF2-40B4-BE49-F238E27FC236}">
                <a16:creationId xmlns:a16="http://schemas.microsoft.com/office/drawing/2014/main" id="{CEC10AF1-FD65-814A-B60E-F9B29C5975A1}"/>
              </a:ext>
            </a:extLst>
          </p:cNvPr>
          <p:cNvSpPr txBox="1">
            <a:spLocks/>
          </p:cNvSpPr>
          <p:nvPr/>
        </p:nvSpPr>
        <p:spPr>
          <a:xfrm>
            <a:off x="3865544" y="3347773"/>
            <a:ext cx="1564611" cy="805987"/>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spcBef>
                <a:spcPts val="0"/>
              </a:spcBef>
            </a:pPr>
            <a:r>
              <a:rPr lang="en-GB" sz="1100" dirty="0"/>
              <a:t>Õpi teistelt ja vaata</a:t>
            </a:r>
          </a:p>
          <a:p>
            <a:pPr>
              <a:spcBef>
                <a:spcPts val="0"/>
              </a:spcBef>
            </a:pPr>
            <a:r>
              <a:rPr lang="en-GB" sz="1100" dirty="0"/>
              <a:t>digivahendi võimalusi ja</a:t>
            </a:r>
          </a:p>
          <a:p>
            <a:pPr>
              <a:spcBef>
                <a:spcPts val="0"/>
              </a:spcBef>
            </a:pPr>
            <a:r>
              <a:rPr lang="en-GB" sz="1100" dirty="0"/>
              <a:t>häid näpunäiteid</a:t>
            </a:r>
            <a:endParaRPr lang="en-US" sz="1100" dirty="0"/>
          </a:p>
        </p:txBody>
      </p:sp>
      <p:sp>
        <p:nvSpPr>
          <p:cNvPr id="22" name="Text Placeholder 17">
            <a:extLst>
              <a:ext uri="{FF2B5EF4-FFF2-40B4-BE49-F238E27FC236}">
                <a16:creationId xmlns:a16="http://schemas.microsoft.com/office/drawing/2014/main" id="{0CC8B91D-BB81-914B-AF75-EC68C4F295A4}"/>
              </a:ext>
            </a:extLst>
          </p:cNvPr>
          <p:cNvSpPr txBox="1">
            <a:spLocks/>
          </p:cNvSpPr>
          <p:nvPr/>
        </p:nvSpPr>
        <p:spPr>
          <a:xfrm>
            <a:off x="3841273" y="2945697"/>
            <a:ext cx="1564612" cy="272855"/>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1"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dirty="0"/>
              <a:t>Samm 3</a:t>
            </a:r>
            <a:endParaRPr lang="en-US" dirty="0"/>
          </a:p>
        </p:txBody>
      </p:sp>
      <p:sp>
        <p:nvSpPr>
          <p:cNvPr id="24" name="Text Placeholder 3">
            <a:extLst>
              <a:ext uri="{FF2B5EF4-FFF2-40B4-BE49-F238E27FC236}">
                <a16:creationId xmlns:a16="http://schemas.microsoft.com/office/drawing/2014/main" id="{0BA016E4-D041-D34E-B704-3418E3A865B0}"/>
              </a:ext>
            </a:extLst>
          </p:cNvPr>
          <p:cNvSpPr txBox="1">
            <a:spLocks/>
          </p:cNvSpPr>
          <p:nvPr/>
        </p:nvSpPr>
        <p:spPr>
          <a:xfrm>
            <a:off x="511336" y="1897944"/>
            <a:ext cx="6533982" cy="328217"/>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b="1"/>
              <a:t>Järgi lihtsat neljasammulist lähenemist:</a:t>
            </a:r>
            <a:endParaRPr lang="en-RU" b="1" dirty="0"/>
          </a:p>
        </p:txBody>
      </p:sp>
      <p:sp>
        <p:nvSpPr>
          <p:cNvPr id="25" name="Text Placeholder 3">
            <a:extLst>
              <a:ext uri="{FF2B5EF4-FFF2-40B4-BE49-F238E27FC236}">
                <a16:creationId xmlns:a16="http://schemas.microsoft.com/office/drawing/2014/main" id="{16A94B75-77DC-9A43-B8FC-249751394854}"/>
              </a:ext>
            </a:extLst>
          </p:cNvPr>
          <p:cNvSpPr txBox="1">
            <a:spLocks/>
          </p:cNvSpPr>
          <p:nvPr/>
        </p:nvSpPr>
        <p:spPr>
          <a:xfrm>
            <a:off x="522456" y="4471365"/>
            <a:ext cx="6533982" cy="687828"/>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a:t>Töövahendite komplekti kasutajad leiavad töövahendi kirjelduse ja info selle kasutamise kohta, töövahendi eelised ja puudused, töövahendi kasutamist tutvustava video ja lõpuks lingid/allikad töövahendi kasutamiseks.</a:t>
            </a:r>
            <a:endParaRPr lang="en-LB"/>
          </a:p>
        </p:txBody>
      </p:sp>
      <p:sp>
        <p:nvSpPr>
          <p:cNvPr id="28" name="Text Placeholder 3">
            <a:extLst>
              <a:ext uri="{FF2B5EF4-FFF2-40B4-BE49-F238E27FC236}">
                <a16:creationId xmlns:a16="http://schemas.microsoft.com/office/drawing/2014/main" id="{198A49E5-A85F-4B47-B66F-BC660E07C259}"/>
              </a:ext>
            </a:extLst>
          </p:cNvPr>
          <p:cNvSpPr txBox="1">
            <a:spLocks/>
          </p:cNvSpPr>
          <p:nvPr/>
        </p:nvSpPr>
        <p:spPr>
          <a:xfrm>
            <a:off x="511336" y="9674822"/>
            <a:ext cx="6533982" cy="328217"/>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i="1" dirty="0"/>
              <a:t>Pilt “Üliõpilaste kui digitaalses kodanikuühiskonnas osalejate töövahendite komplektis” olevatest tööriistadest.</a:t>
            </a:r>
          </a:p>
          <a:p>
            <a:endParaRPr lang="en-RU" i="1" dirty="0"/>
          </a:p>
        </p:txBody>
      </p:sp>
      <p:cxnSp>
        <p:nvCxnSpPr>
          <p:cNvPr id="3" name="Straight Connector 2">
            <a:extLst>
              <a:ext uri="{FF2B5EF4-FFF2-40B4-BE49-F238E27FC236}">
                <a16:creationId xmlns:a16="http://schemas.microsoft.com/office/drawing/2014/main" id="{6988BA2F-8F55-A8E1-25D6-6251359340C8}"/>
              </a:ext>
            </a:extLst>
          </p:cNvPr>
          <p:cNvCxnSpPr>
            <a:cxnSpLocks/>
          </p:cNvCxnSpPr>
          <p:nvPr/>
        </p:nvCxnSpPr>
        <p:spPr>
          <a:xfrm>
            <a:off x="0" y="10435317"/>
            <a:ext cx="1648532"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7" name="Text Placeholder 25">
            <a:extLst>
              <a:ext uri="{FF2B5EF4-FFF2-40B4-BE49-F238E27FC236}">
                <a16:creationId xmlns:a16="http://schemas.microsoft.com/office/drawing/2014/main" id="{8F4C635C-0184-54B2-1832-296E46EA05EA}"/>
              </a:ext>
            </a:extLst>
          </p:cNvPr>
          <p:cNvSpPr txBox="1">
            <a:spLocks/>
          </p:cNvSpPr>
          <p:nvPr/>
        </p:nvSpPr>
        <p:spPr>
          <a:xfrm>
            <a:off x="1773598" y="10175681"/>
            <a:ext cx="4718277"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t-EE" b="1"/>
              <a:t>Pedagoogiline juhend digitaalse kodanikuosaluse õpetamiseks (IO3)</a:t>
            </a:r>
            <a:endParaRPr lang="en-LB"/>
          </a:p>
        </p:txBody>
      </p:sp>
      <p:sp>
        <p:nvSpPr>
          <p:cNvPr id="2" name="TextBox 1">
            <a:extLst>
              <a:ext uri="{FF2B5EF4-FFF2-40B4-BE49-F238E27FC236}">
                <a16:creationId xmlns:a16="http://schemas.microsoft.com/office/drawing/2014/main" id="{A76A8AE2-1CB6-AF37-F605-F8C4133228DB}"/>
              </a:ext>
            </a:extLst>
          </p:cNvPr>
          <p:cNvSpPr txBox="1"/>
          <p:nvPr/>
        </p:nvSpPr>
        <p:spPr>
          <a:xfrm>
            <a:off x="4631944" y="6234501"/>
            <a:ext cx="1453462"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a:solidFill>
                  <a:srgbClr val="23385C"/>
                </a:solidFill>
              </a:rPr>
              <a:t>Empower.............35</a:t>
            </a:r>
          </a:p>
          <a:p>
            <a:pPr marL="232172" indent="-232172">
              <a:buClr>
                <a:schemeClr val="accent4"/>
              </a:buClr>
              <a:buFont typeface="Arial" panose="020B0604020202020204" pitchFamily="34" charset="0"/>
              <a:buChar char="•"/>
            </a:pPr>
            <a:r>
              <a:rPr lang="en-GB" sz="900" err="1">
                <a:solidFill>
                  <a:srgbClr val="23385C"/>
                </a:solidFill>
              </a:rPr>
              <a:t>FoodCloud</a:t>
            </a:r>
            <a:r>
              <a:rPr lang="en-GB" sz="900">
                <a:solidFill>
                  <a:srgbClr val="23385C"/>
                </a:solidFill>
              </a:rPr>
              <a:t>…………37</a:t>
            </a:r>
          </a:p>
          <a:p>
            <a:pPr marL="232172" indent="-232172">
              <a:buClr>
                <a:schemeClr val="accent4"/>
              </a:buClr>
              <a:buFont typeface="Arial" panose="020B0604020202020204" pitchFamily="34" charset="0"/>
              <a:buChar char="•"/>
            </a:pPr>
            <a:r>
              <a:rPr lang="en-GB" sz="900">
                <a:solidFill>
                  <a:srgbClr val="23385C"/>
                </a:solidFill>
              </a:rPr>
              <a:t>I-Vol.………………….39</a:t>
            </a:r>
          </a:p>
          <a:p>
            <a:pPr marL="232172" indent="-232172">
              <a:buClr>
                <a:schemeClr val="accent4"/>
              </a:buClr>
              <a:buFont typeface="Arial" panose="020B0604020202020204" pitchFamily="34" charset="0"/>
              <a:buChar char="•"/>
            </a:pPr>
            <a:r>
              <a:rPr lang="en-GB" sz="900" err="1">
                <a:solidFill>
                  <a:srgbClr val="23385C"/>
                </a:solidFill>
              </a:rPr>
              <a:t>Vincles</a:t>
            </a:r>
            <a:r>
              <a:rPr lang="en-GB" sz="900">
                <a:solidFill>
                  <a:srgbClr val="23385C"/>
                </a:solidFill>
              </a:rPr>
              <a:t> BCN…….…41</a:t>
            </a:r>
          </a:p>
        </p:txBody>
      </p:sp>
      <p:sp>
        <p:nvSpPr>
          <p:cNvPr id="9" name="TextBox 8">
            <a:extLst>
              <a:ext uri="{FF2B5EF4-FFF2-40B4-BE49-F238E27FC236}">
                <a16:creationId xmlns:a16="http://schemas.microsoft.com/office/drawing/2014/main" id="{AB2AE957-DF1E-E77C-AD71-4395949D708B}"/>
              </a:ext>
            </a:extLst>
          </p:cNvPr>
          <p:cNvSpPr txBox="1"/>
          <p:nvPr/>
        </p:nvSpPr>
        <p:spPr>
          <a:xfrm>
            <a:off x="4623586" y="7315170"/>
            <a:ext cx="1524024"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a:solidFill>
                  <a:srgbClr val="23385C"/>
                </a:solidFill>
              </a:rPr>
              <a:t>Blackboard..........44</a:t>
            </a:r>
          </a:p>
          <a:p>
            <a:pPr marL="232172" indent="-232172">
              <a:buClr>
                <a:schemeClr val="accent4"/>
              </a:buClr>
              <a:buFont typeface="Arial" panose="020B0604020202020204" pitchFamily="34" charset="0"/>
              <a:buChar char="•"/>
            </a:pPr>
            <a:r>
              <a:rPr lang="en-GB" sz="900" err="1">
                <a:solidFill>
                  <a:srgbClr val="23385C"/>
                </a:solidFill>
              </a:rPr>
              <a:t>Stunited</a:t>
            </a:r>
            <a:r>
              <a:rPr lang="en-GB" sz="900">
                <a:solidFill>
                  <a:srgbClr val="23385C"/>
                </a:solidFill>
              </a:rPr>
              <a:t>….…………46</a:t>
            </a:r>
          </a:p>
          <a:p>
            <a:pPr marL="232172" indent="-232172">
              <a:buClr>
                <a:schemeClr val="accent4"/>
              </a:buClr>
              <a:buFont typeface="Arial" panose="020B0604020202020204" pitchFamily="34" charset="0"/>
              <a:buChar char="•"/>
            </a:pPr>
            <a:r>
              <a:rPr lang="en-GB" sz="900" err="1">
                <a:solidFill>
                  <a:srgbClr val="23385C"/>
                </a:solidFill>
              </a:rPr>
              <a:t>Edublogs</a:t>
            </a:r>
            <a:r>
              <a:rPr lang="en-GB" sz="900">
                <a:solidFill>
                  <a:srgbClr val="23385C"/>
                </a:solidFill>
              </a:rPr>
              <a:t>..………….48</a:t>
            </a:r>
          </a:p>
          <a:p>
            <a:pPr marL="232172" indent="-232172">
              <a:buClr>
                <a:schemeClr val="accent4"/>
              </a:buClr>
              <a:buFont typeface="Arial" panose="020B0604020202020204" pitchFamily="34" charset="0"/>
              <a:buChar char="•"/>
            </a:pPr>
            <a:r>
              <a:rPr lang="en-GB" sz="900" err="1">
                <a:solidFill>
                  <a:srgbClr val="23385C"/>
                </a:solidFill>
              </a:rPr>
              <a:t>Goodwall</a:t>
            </a:r>
            <a:r>
              <a:rPr lang="en-GB" sz="900">
                <a:solidFill>
                  <a:srgbClr val="23385C"/>
                </a:solidFill>
              </a:rPr>
              <a:t>….…….…50</a:t>
            </a:r>
          </a:p>
        </p:txBody>
      </p:sp>
      <p:sp>
        <p:nvSpPr>
          <p:cNvPr id="14" name="TextBox 13">
            <a:extLst>
              <a:ext uri="{FF2B5EF4-FFF2-40B4-BE49-F238E27FC236}">
                <a16:creationId xmlns:a16="http://schemas.microsoft.com/office/drawing/2014/main" id="{77B9FD39-143D-8C60-8DFE-492DEE685F3B}"/>
              </a:ext>
            </a:extLst>
          </p:cNvPr>
          <p:cNvSpPr txBox="1"/>
          <p:nvPr/>
        </p:nvSpPr>
        <p:spPr>
          <a:xfrm>
            <a:off x="4631944" y="8379067"/>
            <a:ext cx="1453462"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a:solidFill>
                  <a:srgbClr val="23385C"/>
                </a:solidFill>
              </a:rPr>
              <a:t>Canva………..........53</a:t>
            </a:r>
          </a:p>
          <a:p>
            <a:pPr marL="232172" indent="-232172">
              <a:buClr>
                <a:schemeClr val="accent4"/>
              </a:buClr>
              <a:buFont typeface="Arial" panose="020B0604020202020204" pitchFamily="34" charset="0"/>
              <a:buChar char="•"/>
            </a:pPr>
            <a:r>
              <a:rPr lang="en-GB" sz="900">
                <a:solidFill>
                  <a:srgbClr val="23385C"/>
                </a:solidFill>
              </a:rPr>
              <a:t>H5P…………..………55</a:t>
            </a:r>
          </a:p>
          <a:p>
            <a:pPr marL="232172" indent="-232172">
              <a:buClr>
                <a:schemeClr val="accent4"/>
              </a:buClr>
              <a:buFont typeface="Arial" panose="020B0604020202020204" pitchFamily="34" charset="0"/>
              <a:buChar char="•"/>
            </a:pPr>
            <a:r>
              <a:rPr lang="en-GB" sz="900" err="1">
                <a:solidFill>
                  <a:srgbClr val="23385C"/>
                </a:solidFill>
              </a:rPr>
              <a:t>iSpring</a:t>
            </a:r>
            <a:r>
              <a:rPr lang="en-GB" sz="900">
                <a:solidFill>
                  <a:srgbClr val="23385C"/>
                </a:solidFill>
              </a:rPr>
              <a:t> Free……...57</a:t>
            </a:r>
          </a:p>
          <a:p>
            <a:pPr marL="232172" indent="-232172">
              <a:buClr>
                <a:schemeClr val="accent4"/>
              </a:buClr>
              <a:buFont typeface="Arial" panose="020B0604020202020204" pitchFamily="34" charset="0"/>
              <a:buChar char="•"/>
            </a:pPr>
            <a:r>
              <a:rPr lang="en-GB" sz="900">
                <a:solidFill>
                  <a:srgbClr val="23385C"/>
                </a:solidFill>
              </a:rPr>
              <a:t>OBS……….….………59</a:t>
            </a:r>
          </a:p>
        </p:txBody>
      </p:sp>
      <p:sp>
        <p:nvSpPr>
          <p:cNvPr id="15" name="Text Placeholder 17">
            <a:extLst>
              <a:ext uri="{FF2B5EF4-FFF2-40B4-BE49-F238E27FC236}">
                <a16:creationId xmlns:a16="http://schemas.microsoft.com/office/drawing/2014/main" id="{51B4ED6D-DB48-58BB-C027-DCD6B01C195F}"/>
              </a:ext>
            </a:extLst>
          </p:cNvPr>
          <p:cNvSpPr txBox="1">
            <a:spLocks/>
          </p:cNvSpPr>
          <p:nvPr/>
        </p:nvSpPr>
        <p:spPr>
          <a:xfrm>
            <a:off x="2362916" y="5944241"/>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ESITLUSE</a:t>
            </a:r>
          </a:p>
          <a:p>
            <a:pPr algn="l">
              <a:spcBef>
                <a:spcPts val="0"/>
              </a:spcBef>
            </a:pPr>
            <a:r>
              <a:rPr lang="en-GB" sz="900" b="1" dirty="0">
                <a:solidFill>
                  <a:srgbClr val="23385C"/>
                </a:solidFill>
              </a:rPr>
              <a:t>TÖÖVAHENDID</a:t>
            </a:r>
          </a:p>
          <a:p>
            <a:pPr algn="l">
              <a:spcBef>
                <a:spcPts val="0"/>
              </a:spcBef>
            </a:pPr>
            <a:br>
              <a:rPr lang="en-GB" sz="900" b="1" dirty="0">
                <a:solidFill>
                  <a:srgbClr val="23385C"/>
                </a:solidFill>
              </a:rPr>
            </a:br>
            <a:endParaRPr lang="en-GB" sz="900" b="1" dirty="0">
              <a:solidFill>
                <a:srgbClr val="23385C"/>
              </a:solidFill>
            </a:endParaRPr>
          </a:p>
        </p:txBody>
      </p:sp>
      <p:sp>
        <p:nvSpPr>
          <p:cNvPr id="18" name="TextBox 17">
            <a:extLst>
              <a:ext uri="{FF2B5EF4-FFF2-40B4-BE49-F238E27FC236}">
                <a16:creationId xmlns:a16="http://schemas.microsoft.com/office/drawing/2014/main" id="{84E28D6C-16B9-6BAF-DFC4-8D20B44CC9C1}"/>
              </a:ext>
            </a:extLst>
          </p:cNvPr>
          <p:cNvSpPr txBox="1"/>
          <p:nvPr/>
        </p:nvSpPr>
        <p:spPr>
          <a:xfrm>
            <a:off x="2355320" y="6234501"/>
            <a:ext cx="1831756"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a:solidFill>
                  <a:srgbClr val="23385C"/>
                </a:solidFill>
              </a:rPr>
              <a:t>Nearpod..............8</a:t>
            </a:r>
          </a:p>
          <a:p>
            <a:pPr marL="232172" indent="-232172">
              <a:buClr>
                <a:schemeClr val="accent4"/>
              </a:buClr>
              <a:buFont typeface="Arial" panose="020B0604020202020204" pitchFamily="34" charset="0"/>
              <a:buChar char="•"/>
            </a:pPr>
            <a:r>
              <a:rPr lang="en-GB" sz="900">
                <a:solidFill>
                  <a:srgbClr val="23385C"/>
                </a:solidFill>
              </a:rPr>
              <a:t>Powtoon……………10</a:t>
            </a:r>
          </a:p>
          <a:p>
            <a:pPr marL="232172" indent="-232172">
              <a:buClr>
                <a:schemeClr val="accent4"/>
              </a:buClr>
              <a:buFont typeface="Arial" panose="020B0604020202020204" pitchFamily="34" charset="0"/>
              <a:buChar char="•"/>
            </a:pPr>
            <a:r>
              <a:rPr lang="en-GB" sz="900">
                <a:solidFill>
                  <a:srgbClr val="23385C"/>
                </a:solidFill>
              </a:rPr>
              <a:t>Prezi………………….12</a:t>
            </a:r>
          </a:p>
          <a:p>
            <a:pPr marL="232172" indent="-232172">
              <a:buClr>
                <a:schemeClr val="accent4"/>
              </a:buClr>
              <a:buFont typeface="Arial" panose="020B0604020202020204" pitchFamily="34" charset="0"/>
              <a:buChar char="•"/>
            </a:pPr>
            <a:r>
              <a:rPr lang="en-GB" sz="900" err="1">
                <a:solidFill>
                  <a:srgbClr val="23385C"/>
                </a:solidFill>
              </a:rPr>
              <a:t>Thinglink</a:t>
            </a:r>
            <a:r>
              <a:rPr lang="en-GB" sz="900">
                <a:solidFill>
                  <a:srgbClr val="23385C"/>
                </a:solidFill>
              </a:rPr>
              <a:t>……………14</a:t>
            </a:r>
          </a:p>
        </p:txBody>
      </p:sp>
      <p:sp>
        <p:nvSpPr>
          <p:cNvPr id="19" name="Text Placeholder 17">
            <a:extLst>
              <a:ext uri="{FF2B5EF4-FFF2-40B4-BE49-F238E27FC236}">
                <a16:creationId xmlns:a16="http://schemas.microsoft.com/office/drawing/2014/main" id="{37AA88A9-3473-891A-CCF9-32DCBDDC104C}"/>
              </a:ext>
            </a:extLst>
          </p:cNvPr>
          <p:cNvSpPr txBox="1">
            <a:spLocks/>
          </p:cNvSpPr>
          <p:nvPr/>
        </p:nvSpPr>
        <p:spPr>
          <a:xfrm>
            <a:off x="2362916" y="7019913"/>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ÜHISLOOME </a:t>
            </a:r>
          </a:p>
          <a:p>
            <a:pPr algn="l">
              <a:spcBef>
                <a:spcPts val="0"/>
              </a:spcBef>
            </a:pPr>
            <a:r>
              <a:rPr lang="en-GB" sz="900" b="1" dirty="0">
                <a:solidFill>
                  <a:srgbClr val="23385C"/>
                </a:solidFill>
              </a:rPr>
              <a:t>TÖÖVAHENDID</a:t>
            </a:r>
          </a:p>
          <a:p>
            <a:pPr algn="l">
              <a:spcBef>
                <a:spcPts val="0"/>
              </a:spcBef>
            </a:pPr>
            <a:br>
              <a:rPr lang="en-GB" sz="900" b="1" dirty="0">
                <a:solidFill>
                  <a:srgbClr val="23385C"/>
                </a:solidFill>
              </a:rPr>
            </a:br>
            <a:endParaRPr lang="en-GB" sz="900" b="1" dirty="0">
              <a:solidFill>
                <a:srgbClr val="23385C"/>
              </a:solidFill>
            </a:endParaRPr>
          </a:p>
        </p:txBody>
      </p:sp>
      <p:sp>
        <p:nvSpPr>
          <p:cNvPr id="23" name="TextBox 22">
            <a:extLst>
              <a:ext uri="{FF2B5EF4-FFF2-40B4-BE49-F238E27FC236}">
                <a16:creationId xmlns:a16="http://schemas.microsoft.com/office/drawing/2014/main" id="{9BC8FAB7-FE54-4694-0BC9-0D01391AC0CB}"/>
              </a:ext>
            </a:extLst>
          </p:cNvPr>
          <p:cNvSpPr txBox="1"/>
          <p:nvPr/>
        </p:nvSpPr>
        <p:spPr>
          <a:xfrm>
            <a:off x="2355320" y="7315170"/>
            <a:ext cx="1368126"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a:solidFill>
                  <a:srgbClr val="23385C"/>
                </a:solidFill>
              </a:rPr>
              <a:t>GoFundMe.........17</a:t>
            </a:r>
          </a:p>
          <a:p>
            <a:pPr marL="232172" indent="-232172">
              <a:buClr>
                <a:schemeClr val="accent4"/>
              </a:buClr>
              <a:buFont typeface="Arial" panose="020B0604020202020204" pitchFamily="34" charset="0"/>
              <a:buChar char="•"/>
            </a:pPr>
            <a:r>
              <a:rPr lang="en-GB" sz="900">
                <a:solidFill>
                  <a:srgbClr val="23385C"/>
                </a:solidFill>
              </a:rPr>
              <a:t>Consul………….…..19</a:t>
            </a:r>
          </a:p>
          <a:p>
            <a:pPr marL="232172" indent="-232172">
              <a:buClr>
                <a:schemeClr val="accent4"/>
              </a:buClr>
              <a:buFont typeface="Arial" panose="020B0604020202020204" pitchFamily="34" charset="0"/>
              <a:buChar char="•"/>
            </a:pPr>
            <a:r>
              <a:rPr lang="en-GB" sz="900" err="1">
                <a:solidFill>
                  <a:srgbClr val="23385C"/>
                </a:solidFill>
              </a:rPr>
              <a:t>Decidim</a:t>
            </a:r>
            <a:r>
              <a:rPr lang="en-GB" sz="900">
                <a:solidFill>
                  <a:srgbClr val="23385C"/>
                </a:solidFill>
              </a:rPr>
              <a:t>…………...21</a:t>
            </a:r>
          </a:p>
          <a:p>
            <a:pPr marL="232172" indent="-232172">
              <a:buClr>
                <a:schemeClr val="accent4"/>
              </a:buClr>
              <a:buFont typeface="Arial" panose="020B0604020202020204" pitchFamily="34" charset="0"/>
              <a:buChar char="•"/>
            </a:pPr>
            <a:r>
              <a:rPr lang="en-GB" sz="900" err="1">
                <a:solidFill>
                  <a:srgbClr val="23385C"/>
                </a:solidFill>
              </a:rPr>
              <a:t>OpenIdeo</a:t>
            </a:r>
            <a:r>
              <a:rPr lang="en-GB" sz="900">
                <a:solidFill>
                  <a:srgbClr val="23385C"/>
                </a:solidFill>
              </a:rPr>
              <a:t>………...23</a:t>
            </a:r>
          </a:p>
        </p:txBody>
      </p:sp>
      <p:sp>
        <p:nvSpPr>
          <p:cNvPr id="26" name="Text Placeholder 17">
            <a:extLst>
              <a:ext uri="{FF2B5EF4-FFF2-40B4-BE49-F238E27FC236}">
                <a16:creationId xmlns:a16="http://schemas.microsoft.com/office/drawing/2014/main" id="{7CEADA33-282E-6AB1-BBD8-B4F94D93D97B}"/>
              </a:ext>
            </a:extLst>
          </p:cNvPr>
          <p:cNvSpPr txBox="1">
            <a:spLocks/>
          </p:cNvSpPr>
          <p:nvPr/>
        </p:nvSpPr>
        <p:spPr>
          <a:xfrm>
            <a:off x="2362916" y="8087836"/>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KOOSTÖÖ</a:t>
            </a:r>
          </a:p>
          <a:p>
            <a:pPr algn="l">
              <a:spcBef>
                <a:spcPts val="0"/>
              </a:spcBef>
            </a:pPr>
            <a:r>
              <a:rPr lang="en-GB" sz="900" b="1" dirty="0">
                <a:solidFill>
                  <a:srgbClr val="23385C"/>
                </a:solidFill>
              </a:rPr>
              <a:t>TÖÖVAHENDID</a:t>
            </a:r>
          </a:p>
          <a:p>
            <a:pPr algn="l">
              <a:spcBef>
                <a:spcPts val="0"/>
              </a:spcBef>
            </a:pPr>
            <a:br>
              <a:rPr lang="en-GB" sz="900" b="1" dirty="0">
                <a:solidFill>
                  <a:srgbClr val="23385C"/>
                </a:solidFill>
              </a:rPr>
            </a:br>
            <a:endParaRPr lang="en-GB" sz="900" b="1" dirty="0">
              <a:solidFill>
                <a:srgbClr val="23385C"/>
              </a:solidFill>
            </a:endParaRPr>
          </a:p>
        </p:txBody>
      </p:sp>
      <p:sp>
        <p:nvSpPr>
          <p:cNvPr id="30" name="TextBox 29">
            <a:extLst>
              <a:ext uri="{FF2B5EF4-FFF2-40B4-BE49-F238E27FC236}">
                <a16:creationId xmlns:a16="http://schemas.microsoft.com/office/drawing/2014/main" id="{1D5E2C75-7131-6F0D-BA22-C1A2C5D1C565}"/>
              </a:ext>
            </a:extLst>
          </p:cNvPr>
          <p:cNvSpPr txBox="1"/>
          <p:nvPr/>
        </p:nvSpPr>
        <p:spPr>
          <a:xfrm>
            <a:off x="2355320" y="8379067"/>
            <a:ext cx="1442149"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err="1">
                <a:solidFill>
                  <a:srgbClr val="23385C"/>
                </a:solidFill>
              </a:rPr>
              <a:t>Perusall</a:t>
            </a:r>
            <a:r>
              <a:rPr lang="en-GB" sz="900">
                <a:solidFill>
                  <a:srgbClr val="23385C"/>
                </a:solidFill>
              </a:rPr>
              <a:t>..................26</a:t>
            </a:r>
          </a:p>
          <a:p>
            <a:pPr marL="232172" indent="-232172">
              <a:buClr>
                <a:schemeClr val="accent4"/>
              </a:buClr>
              <a:buFont typeface="Arial" panose="020B0604020202020204" pitchFamily="34" charset="0"/>
              <a:buChar char="•"/>
            </a:pPr>
            <a:r>
              <a:rPr lang="en-GB" sz="900" err="1">
                <a:solidFill>
                  <a:srgbClr val="23385C"/>
                </a:solidFill>
              </a:rPr>
              <a:t>CMaps</a:t>
            </a:r>
            <a:r>
              <a:rPr lang="en-GB" sz="900">
                <a:solidFill>
                  <a:srgbClr val="23385C"/>
                </a:solidFill>
              </a:rPr>
              <a:t>………………...28</a:t>
            </a:r>
          </a:p>
          <a:p>
            <a:pPr marL="232172" indent="-232172">
              <a:buClr>
                <a:schemeClr val="accent4"/>
              </a:buClr>
              <a:buFont typeface="Arial" panose="020B0604020202020204" pitchFamily="34" charset="0"/>
              <a:buChar char="•"/>
            </a:pPr>
            <a:r>
              <a:rPr lang="en-GB" sz="900">
                <a:solidFill>
                  <a:srgbClr val="23385C"/>
                </a:solidFill>
              </a:rPr>
              <a:t>Google Drive…..…..30</a:t>
            </a:r>
          </a:p>
          <a:p>
            <a:pPr marL="232172" indent="-232172">
              <a:buClr>
                <a:schemeClr val="accent4"/>
              </a:buClr>
              <a:buFont typeface="Arial" panose="020B0604020202020204" pitchFamily="34" charset="0"/>
              <a:buChar char="•"/>
            </a:pPr>
            <a:r>
              <a:rPr lang="en-GB" sz="900">
                <a:solidFill>
                  <a:srgbClr val="23385C"/>
                </a:solidFill>
              </a:rPr>
              <a:t>Padlet………….………32</a:t>
            </a:r>
          </a:p>
        </p:txBody>
      </p:sp>
      <p:grpSp>
        <p:nvGrpSpPr>
          <p:cNvPr id="31" name="Group 30">
            <a:extLst>
              <a:ext uri="{FF2B5EF4-FFF2-40B4-BE49-F238E27FC236}">
                <a16:creationId xmlns:a16="http://schemas.microsoft.com/office/drawing/2014/main" id="{515551A0-9451-F220-C1C6-A1F1FD66A892}"/>
              </a:ext>
            </a:extLst>
          </p:cNvPr>
          <p:cNvGrpSpPr/>
          <p:nvPr/>
        </p:nvGrpSpPr>
        <p:grpSpPr>
          <a:xfrm>
            <a:off x="1496003" y="5935276"/>
            <a:ext cx="3117897" cy="697190"/>
            <a:chOff x="1496003" y="5935276"/>
            <a:chExt cx="3117897" cy="697190"/>
          </a:xfrm>
        </p:grpSpPr>
        <p:grpSp>
          <p:nvGrpSpPr>
            <p:cNvPr id="32" name="Group 31">
              <a:extLst>
                <a:ext uri="{FF2B5EF4-FFF2-40B4-BE49-F238E27FC236}">
                  <a16:creationId xmlns:a16="http://schemas.microsoft.com/office/drawing/2014/main" id="{BA6D97FD-31E5-38A1-7273-A111FE09CCD9}"/>
                </a:ext>
              </a:extLst>
            </p:cNvPr>
            <p:cNvGrpSpPr/>
            <p:nvPr/>
          </p:nvGrpSpPr>
          <p:grpSpPr>
            <a:xfrm>
              <a:off x="1496003" y="5935276"/>
              <a:ext cx="787074" cy="697190"/>
              <a:chOff x="1496003" y="5944241"/>
              <a:chExt cx="787074" cy="697190"/>
            </a:xfrm>
          </p:grpSpPr>
          <p:sp>
            <p:nvSpPr>
              <p:cNvPr id="36" name="Oval 35">
                <a:extLst>
                  <a:ext uri="{FF2B5EF4-FFF2-40B4-BE49-F238E27FC236}">
                    <a16:creationId xmlns:a16="http://schemas.microsoft.com/office/drawing/2014/main" id="{1EC15CBB-46DC-0F88-7FEF-40815B6222A6}"/>
                  </a:ext>
                </a:extLst>
              </p:cNvPr>
              <p:cNvSpPr/>
              <p:nvPr/>
            </p:nvSpPr>
            <p:spPr>
              <a:xfrm>
                <a:off x="1525196" y="5944241"/>
                <a:ext cx="757881" cy="697190"/>
              </a:xfrm>
              <a:prstGeom prst="ellipse">
                <a:avLst/>
              </a:prstGeom>
              <a:solidFill>
                <a:srgbClr val="FDC66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37" name="TextBox 36">
                <a:extLst>
                  <a:ext uri="{FF2B5EF4-FFF2-40B4-BE49-F238E27FC236}">
                    <a16:creationId xmlns:a16="http://schemas.microsoft.com/office/drawing/2014/main" id="{A0B9AE19-04BE-71F8-FAE7-D5BF7166D2CE}"/>
                  </a:ext>
                </a:extLst>
              </p:cNvPr>
              <p:cNvSpPr txBox="1"/>
              <p:nvPr/>
            </p:nvSpPr>
            <p:spPr>
              <a:xfrm>
                <a:off x="1496003" y="6072237"/>
                <a:ext cx="757881" cy="461665"/>
              </a:xfrm>
              <a:prstGeom prst="rect">
                <a:avLst/>
              </a:prstGeom>
              <a:noFill/>
            </p:spPr>
            <p:txBody>
              <a:bodyPr wrap="square">
                <a:spAutoFit/>
              </a:bodyPr>
              <a:lstStyle/>
              <a:p>
                <a:pPr algn="ctr"/>
                <a:r>
                  <a:rPr lang="en-GB" sz="2400">
                    <a:solidFill>
                      <a:schemeClr val="bg1"/>
                    </a:solidFill>
                  </a:rPr>
                  <a:t>01</a:t>
                </a:r>
              </a:p>
            </p:txBody>
          </p:sp>
        </p:grpSp>
        <p:grpSp>
          <p:nvGrpSpPr>
            <p:cNvPr id="33" name="Group 32">
              <a:extLst>
                <a:ext uri="{FF2B5EF4-FFF2-40B4-BE49-F238E27FC236}">
                  <a16:creationId xmlns:a16="http://schemas.microsoft.com/office/drawing/2014/main" id="{FD4AD302-8FD3-3228-975D-F9F0AFB8A48C}"/>
                </a:ext>
              </a:extLst>
            </p:cNvPr>
            <p:cNvGrpSpPr/>
            <p:nvPr/>
          </p:nvGrpSpPr>
          <p:grpSpPr>
            <a:xfrm>
              <a:off x="3826826" y="5935276"/>
              <a:ext cx="787074" cy="697190"/>
              <a:chOff x="3826826" y="5935276"/>
              <a:chExt cx="787074" cy="697190"/>
            </a:xfrm>
          </p:grpSpPr>
          <p:sp>
            <p:nvSpPr>
              <p:cNvPr id="34" name="Oval 33">
                <a:extLst>
                  <a:ext uri="{FF2B5EF4-FFF2-40B4-BE49-F238E27FC236}">
                    <a16:creationId xmlns:a16="http://schemas.microsoft.com/office/drawing/2014/main" id="{157DB8D2-D465-1FE5-BB49-F1D37077BCB0}"/>
                  </a:ext>
                </a:extLst>
              </p:cNvPr>
              <p:cNvSpPr/>
              <p:nvPr/>
            </p:nvSpPr>
            <p:spPr>
              <a:xfrm>
                <a:off x="3856019" y="5935276"/>
                <a:ext cx="757881" cy="697190"/>
              </a:xfrm>
              <a:prstGeom prst="ellipse">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35" name="TextBox 34">
                <a:extLst>
                  <a:ext uri="{FF2B5EF4-FFF2-40B4-BE49-F238E27FC236}">
                    <a16:creationId xmlns:a16="http://schemas.microsoft.com/office/drawing/2014/main" id="{62A18856-28DE-BD2B-E227-57D8ABAFCF1E}"/>
                  </a:ext>
                </a:extLst>
              </p:cNvPr>
              <p:cNvSpPr txBox="1"/>
              <p:nvPr/>
            </p:nvSpPr>
            <p:spPr>
              <a:xfrm>
                <a:off x="3826826" y="6063272"/>
                <a:ext cx="757881" cy="461665"/>
              </a:xfrm>
              <a:prstGeom prst="rect">
                <a:avLst/>
              </a:prstGeom>
              <a:noFill/>
            </p:spPr>
            <p:txBody>
              <a:bodyPr wrap="square">
                <a:spAutoFit/>
              </a:bodyPr>
              <a:lstStyle/>
              <a:p>
                <a:pPr algn="ctr"/>
                <a:r>
                  <a:rPr lang="en-GB" sz="2400">
                    <a:solidFill>
                      <a:schemeClr val="bg1"/>
                    </a:solidFill>
                  </a:rPr>
                  <a:t>04</a:t>
                </a:r>
              </a:p>
            </p:txBody>
          </p:sp>
        </p:grpSp>
      </p:grpSp>
      <p:grpSp>
        <p:nvGrpSpPr>
          <p:cNvPr id="38" name="Group 37">
            <a:extLst>
              <a:ext uri="{FF2B5EF4-FFF2-40B4-BE49-F238E27FC236}">
                <a16:creationId xmlns:a16="http://schemas.microsoft.com/office/drawing/2014/main" id="{2B43E539-AF3B-F9FD-1254-3C1D38A928E2}"/>
              </a:ext>
            </a:extLst>
          </p:cNvPr>
          <p:cNvGrpSpPr/>
          <p:nvPr/>
        </p:nvGrpSpPr>
        <p:grpSpPr>
          <a:xfrm>
            <a:off x="1496003" y="7059539"/>
            <a:ext cx="3117897" cy="697190"/>
            <a:chOff x="1496003" y="6956356"/>
            <a:chExt cx="3117897" cy="697190"/>
          </a:xfrm>
        </p:grpSpPr>
        <p:grpSp>
          <p:nvGrpSpPr>
            <p:cNvPr id="39" name="Group 38">
              <a:extLst>
                <a:ext uri="{FF2B5EF4-FFF2-40B4-BE49-F238E27FC236}">
                  <a16:creationId xmlns:a16="http://schemas.microsoft.com/office/drawing/2014/main" id="{B32673B7-3762-BF17-95B4-7DF0DC4C7077}"/>
                </a:ext>
              </a:extLst>
            </p:cNvPr>
            <p:cNvGrpSpPr/>
            <p:nvPr/>
          </p:nvGrpSpPr>
          <p:grpSpPr>
            <a:xfrm>
              <a:off x="1496003" y="6956356"/>
              <a:ext cx="787074" cy="697190"/>
              <a:chOff x="1526483" y="6965321"/>
              <a:chExt cx="787074" cy="697190"/>
            </a:xfrm>
          </p:grpSpPr>
          <p:sp>
            <p:nvSpPr>
              <p:cNvPr id="43" name="Oval 42">
                <a:extLst>
                  <a:ext uri="{FF2B5EF4-FFF2-40B4-BE49-F238E27FC236}">
                    <a16:creationId xmlns:a16="http://schemas.microsoft.com/office/drawing/2014/main" id="{B09D089E-542B-31DF-B914-64CD84F0A5C6}"/>
                  </a:ext>
                </a:extLst>
              </p:cNvPr>
              <p:cNvSpPr/>
              <p:nvPr/>
            </p:nvSpPr>
            <p:spPr>
              <a:xfrm>
                <a:off x="1555676" y="6965321"/>
                <a:ext cx="757881" cy="697190"/>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44" name="TextBox 43">
                <a:extLst>
                  <a:ext uri="{FF2B5EF4-FFF2-40B4-BE49-F238E27FC236}">
                    <a16:creationId xmlns:a16="http://schemas.microsoft.com/office/drawing/2014/main" id="{83F4DD3B-202E-CFFB-83C4-FBB983D30199}"/>
                  </a:ext>
                </a:extLst>
              </p:cNvPr>
              <p:cNvSpPr txBox="1"/>
              <p:nvPr/>
            </p:nvSpPr>
            <p:spPr>
              <a:xfrm>
                <a:off x="1526483" y="7093317"/>
                <a:ext cx="757881" cy="461665"/>
              </a:xfrm>
              <a:prstGeom prst="rect">
                <a:avLst/>
              </a:prstGeom>
              <a:noFill/>
            </p:spPr>
            <p:txBody>
              <a:bodyPr wrap="square">
                <a:spAutoFit/>
              </a:bodyPr>
              <a:lstStyle/>
              <a:p>
                <a:pPr algn="ctr"/>
                <a:r>
                  <a:rPr lang="en-GB" sz="2400">
                    <a:solidFill>
                      <a:schemeClr val="bg1"/>
                    </a:solidFill>
                  </a:rPr>
                  <a:t>02</a:t>
                </a:r>
              </a:p>
            </p:txBody>
          </p:sp>
        </p:grpSp>
        <p:grpSp>
          <p:nvGrpSpPr>
            <p:cNvPr id="40" name="Group 39">
              <a:extLst>
                <a:ext uri="{FF2B5EF4-FFF2-40B4-BE49-F238E27FC236}">
                  <a16:creationId xmlns:a16="http://schemas.microsoft.com/office/drawing/2014/main" id="{A547F11C-ADC3-5E39-F02D-9C6130CFF8C7}"/>
                </a:ext>
              </a:extLst>
            </p:cNvPr>
            <p:cNvGrpSpPr/>
            <p:nvPr/>
          </p:nvGrpSpPr>
          <p:grpSpPr>
            <a:xfrm>
              <a:off x="3826826" y="6956356"/>
              <a:ext cx="787074" cy="697190"/>
              <a:chOff x="3857306" y="6956356"/>
              <a:chExt cx="787074" cy="697190"/>
            </a:xfrm>
          </p:grpSpPr>
          <p:sp>
            <p:nvSpPr>
              <p:cNvPr id="41" name="Oval 40">
                <a:extLst>
                  <a:ext uri="{FF2B5EF4-FFF2-40B4-BE49-F238E27FC236}">
                    <a16:creationId xmlns:a16="http://schemas.microsoft.com/office/drawing/2014/main" id="{35530E24-2DF6-7FC1-86BC-56E35ED12F1C}"/>
                  </a:ext>
                </a:extLst>
              </p:cNvPr>
              <p:cNvSpPr/>
              <p:nvPr/>
            </p:nvSpPr>
            <p:spPr>
              <a:xfrm>
                <a:off x="3886499" y="6956356"/>
                <a:ext cx="757881" cy="697190"/>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42" name="TextBox 41">
                <a:extLst>
                  <a:ext uri="{FF2B5EF4-FFF2-40B4-BE49-F238E27FC236}">
                    <a16:creationId xmlns:a16="http://schemas.microsoft.com/office/drawing/2014/main" id="{8C3AD5FF-8587-3497-AB06-FE4BE53E45C9}"/>
                  </a:ext>
                </a:extLst>
              </p:cNvPr>
              <p:cNvSpPr txBox="1"/>
              <p:nvPr/>
            </p:nvSpPr>
            <p:spPr>
              <a:xfrm>
                <a:off x="3857306" y="7084352"/>
                <a:ext cx="757881" cy="461665"/>
              </a:xfrm>
              <a:prstGeom prst="rect">
                <a:avLst/>
              </a:prstGeom>
              <a:noFill/>
            </p:spPr>
            <p:txBody>
              <a:bodyPr wrap="square">
                <a:spAutoFit/>
              </a:bodyPr>
              <a:lstStyle/>
              <a:p>
                <a:pPr algn="ctr"/>
                <a:r>
                  <a:rPr lang="en-GB" sz="2400">
                    <a:solidFill>
                      <a:schemeClr val="bg1"/>
                    </a:solidFill>
                  </a:rPr>
                  <a:t>05</a:t>
                </a:r>
              </a:p>
            </p:txBody>
          </p:sp>
        </p:grpSp>
      </p:grpSp>
      <p:grpSp>
        <p:nvGrpSpPr>
          <p:cNvPr id="45" name="Group 44">
            <a:extLst>
              <a:ext uri="{FF2B5EF4-FFF2-40B4-BE49-F238E27FC236}">
                <a16:creationId xmlns:a16="http://schemas.microsoft.com/office/drawing/2014/main" id="{6FA2B2E4-60B1-1296-00B2-59E575A354D6}"/>
              </a:ext>
            </a:extLst>
          </p:cNvPr>
          <p:cNvGrpSpPr/>
          <p:nvPr/>
        </p:nvGrpSpPr>
        <p:grpSpPr>
          <a:xfrm>
            <a:off x="1496003" y="8183801"/>
            <a:ext cx="3117897" cy="697190"/>
            <a:chOff x="1496003" y="8183801"/>
            <a:chExt cx="3117897" cy="697190"/>
          </a:xfrm>
        </p:grpSpPr>
        <p:grpSp>
          <p:nvGrpSpPr>
            <p:cNvPr id="46" name="Group 45">
              <a:extLst>
                <a:ext uri="{FF2B5EF4-FFF2-40B4-BE49-F238E27FC236}">
                  <a16:creationId xmlns:a16="http://schemas.microsoft.com/office/drawing/2014/main" id="{9D4C769D-C782-CB69-6442-024FACD5C52A}"/>
                </a:ext>
              </a:extLst>
            </p:cNvPr>
            <p:cNvGrpSpPr/>
            <p:nvPr/>
          </p:nvGrpSpPr>
          <p:grpSpPr>
            <a:xfrm>
              <a:off x="1496003" y="8183801"/>
              <a:ext cx="787074" cy="697190"/>
              <a:chOff x="1496003" y="8192766"/>
              <a:chExt cx="787074" cy="697190"/>
            </a:xfrm>
          </p:grpSpPr>
          <p:sp>
            <p:nvSpPr>
              <p:cNvPr id="50" name="Oval 49">
                <a:extLst>
                  <a:ext uri="{FF2B5EF4-FFF2-40B4-BE49-F238E27FC236}">
                    <a16:creationId xmlns:a16="http://schemas.microsoft.com/office/drawing/2014/main" id="{875B91CE-10F2-8603-B1A2-9492EA318C4F}"/>
                  </a:ext>
                </a:extLst>
              </p:cNvPr>
              <p:cNvSpPr/>
              <p:nvPr/>
            </p:nvSpPr>
            <p:spPr>
              <a:xfrm>
                <a:off x="1525196" y="8192766"/>
                <a:ext cx="757881" cy="697190"/>
              </a:xfrm>
              <a:prstGeom prst="ellipse">
                <a:avLst/>
              </a:prstGeom>
              <a:solidFill>
                <a:srgbClr val="FDC66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51" name="TextBox 50">
                <a:extLst>
                  <a:ext uri="{FF2B5EF4-FFF2-40B4-BE49-F238E27FC236}">
                    <a16:creationId xmlns:a16="http://schemas.microsoft.com/office/drawing/2014/main" id="{4A075961-FC48-1BC4-E7F7-940819B02F5F}"/>
                  </a:ext>
                </a:extLst>
              </p:cNvPr>
              <p:cNvSpPr txBox="1"/>
              <p:nvPr/>
            </p:nvSpPr>
            <p:spPr>
              <a:xfrm>
                <a:off x="1496003" y="8320762"/>
                <a:ext cx="757881" cy="461665"/>
              </a:xfrm>
              <a:prstGeom prst="rect">
                <a:avLst/>
              </a:prstGeom>
              <a:noFill/>
            </p:spPr>
            <p:txBody>
              <a:bodyPr wrap="square">
                <a:spAutoFit/>
              </a:bodyPr>
              <a:lstStyle/>
              <a:p>
                <a:pPr algn="ctr"/>
                <a:r>
                  <a:rPr lang="en-GB" sz="2400">
                    <a:solidFill>
                      <a:schemeClr val="bg1"/>
                    </a:solidFill>
                  </a:rPr>
                  <a:t>03</a:t>
                </a:r>
              </a:p>
            </p:txBody>
          </p:sp>
        </p:grpSp>
        <p:grpSp>
          <p:nvGrpSpPr>
            <p:cNvPr id="47" name="Group 46">
              <a:extLst>
                <a:ext uri="{FF2B5EF4-FFF2-40B4-BE49-F238E27FC236}">
                  <a16:creationId xmlns:a16="http://schemas.microsoft.com/office/drawing/2014/main" id="{0DD48EF3-2189-A1A0-8DFA-DAA72CA1C31C}"/>
                </a:ext>
              </a:extLst>
            </p:cNvPr>
            <p:cNvGrpSpPr/>
            <p:nvPr/>
          </p:nvGrpSpPr>
          <p:grpSpPr>
            <a:xfrm>
              <a:off x="3826826" y="8183801"/>
              <a:ext cx="787074" cy="697190"/>
              <a:chOff x="3826826" y="8183801"/>
              <a:chExt cx="787074" cy="697190"/>
            </a:xfrm>
          </p:grpSpPr>
          <p:sp>
            <p:nvSpPr>
              <p:cNvPr id="48" name="Oval 47">
                <a:extLst>
                  <a:ext uri="{FF2B5EF4-FFF2-40B4-BE49-F238E27FC236}">
                    <a16:creationId xmlns:a16="http://schemas.microsoft.com/office/drawing/2014/main" id="{5EB6A7C6-FF28-CACF-4523-BAA8A61D0DE7}"/>
                  </a:ext>
                </a:extLst>
              </p:cNvPr>
              <p:cNvSpPr/>
              <p:nvPr/>
            </p:nvSpPr>
            <p:spPr>
              <a:xfrm>
                <a:off x="3856019" y="8183801"/>
                <a:ext cx="757881" cy="697190"/>
              </a:xfrm>
              <a:prstGeom prst="ellipse">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49" name="TextBox 48">
                <a:extLst>
                  <a:ext uri="{FF2B5EF4-FFF2-40B4-BE49-F238E27FC236}">
                    <a16:creationId xmlns:a16="http://schemas.microsoft.com/office/drawing/2014/main" id="{9A8443F5-3F53-C72D-D601-4E9B678AF9EF}"/>
                  </a:ext>
                </a:extLst>
              </p:cNvPr>
              <p:cNvSpPr txBox="1"/>
              <p:nvPr/>
            </p:nvSpPr>
            <p:spPr>
              <a:xfrm>
                <a:off x="3826826" y="8311797"/>
                <a:ext cx="757881" cy="461665"/>
              </a:xfrm>
              <a:prstGeom prst="rect">
                <a:avLst/>
              </a:prstGeom>
              <a:noFill/>
            </p:spPr>
            <p:txBody>
              <a:bodyPr wrap="square">
                <a:spAutoFit/>
              </a:bodyPr>
              <a:lstStyle/>
              <a:p>
                <a:pPr algn="ctr"/>
                <a:r>
                  <a:rPr lang="en-GB" sz="2400">
                    <a:solidFill>
                      <a:schemeClr val="bg1"/>
                    </a:solidFill>
                  </a:rPr>
                  <a:t>06</a:t>
                </a:r>
              </a:p>
            </p:txBody>
          </p:sp>
        </p:grpSp>
      </p:grpSp>
      <p:sp>
        <p:nvSpPr>
          <p:cNvPr id="52" name="Text Placeholder 17">
            <a:extLst>
              <a:ext uri="{FF2B5EF4-FFF2-40B4-BE49-F238E27FC236}">
                <a16:creationId xmlns:a16="http://schemas.microsoft.com/office/drawing/2014/main" id="{79FAC2F0-699D-D33A-7C72-A66EA2A17400}"/>
              </a:ext>
            </a:extLst>
          </p:cNvPr>
          <p:cNvSpPr txBox="1">
            <a:spLocks/>
          </p:cNvSpPr>
          <p:nvPr/>
        </p:nvSpPr>
        <p:spPr>
          <a:xfrm>
            <a:off x="4666846" y="5937250"/>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ÜHISKONNAELU</a:t>
            </a:r>
          </a:p>
          <a:p>
            <a:pPr algn="l">
              <a:spcBef>
                <a:spcPts val="0"/>
              </a:spcBef>
            </a:pPr>
            <a:r>
              <a:rPr lang="en-GB" sz="900" b="1" dirty="0">
                <a:solidFill>
                  <a:srgbClr val="23385C"/>
                </a:solidFill>
              </a:rPr>
              <a:t>TÖÖVAHENDID</a:t>
            </a:r>
          </a:p>
        </p:txBody>
      </p:sp>
      <p:sp>
        <p:nvSpPr>
          <p:cNvPr id="53" name="Text Placeholder 17">
            <a:extLst>
              <a:ext uri="{FF2B5EF4-FFF2-40B4-BE49-F238E27FC236}">
                <a16:creationId xmlns:a16="http://schemas.microsoft.com/office/drawing/2014/main" id="{21923A4B-3563-8909-8607-0EBB21624674}"/>
              </a:ext>
            </a:extLst>
          </p:cNvPr>
          <p:cNvSpPr txBox="1">
            <a:spLocks/>
          </p:cNvSpPr>
          <p:nvPr/>
        </p:nvSpPr>
        <p:spPr>
          <a:xfrm>
            <a:off x="4666846" y="7019913"/>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SOTSIAALSED </a:t>
            </a:r>
          </a:p>
          <a:p>
            <a:pPr algn="l">
              <a:spcBef>
                <a:spcPts val="0"/>
              </a:spcBef>
            </a:pPr>
            <a:r>
              <a:rPr lang="en-GB" sz="900" b="1" dirty="0">
                <a:solidFill>
                  <a:srgbClr val="23385C"/>
                </a:solidFill>
              </a:rPr>
              <a:t>TEHNOLOOGIAD</a:t>
            </a:r>
          </a:p>
        </p:txBody>
      </p:sp>
      <p:sp>
        <p:nvSpPr>
          <p:cNvPr id="54" name="Text Placeholder 17">
            <a:extLst>
              <a:ext uri="{FF2B5EF4-FFF2-40B4-BE49-F238E27FC236}">
                <a16:creationId xmlns:a16="http://schemas.microsoft.com/office/drawing/2014/main" id="{2EA2F68A-9860-C4A1-16E5-071D219C8870}"/>
              </a:ext>
            </a:extLst>
          </p:cNvPr>
          <p:cNvSpPr txBox="1">
            <a:spLocks/>
          </p:cNvSpPr>
          <p:nvPr/>
        </p:nvSpPr>
        <p:spPr>
          <a:xfrm>
            <a:off x="4666846" y="8087836"/>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DIGILOOME</a:t>
            </a:r>
          </a:p>
          <a:p>
            <a:pPr algn="l">
              <a:spcBef>
                <a:spcPts val="0"/>
              </a:spcBef>
            </a:pPr>
            <a:r>
              <a:rPr lang="en-GB" sz="900" b="1" dirty="0">
                <a:solidFill>
                  <a:srgbClr val="23385C"/>
                </a:solidFill>
              </a:rPr>
              <a:t>TÖÖVAHENDID</a:t>
            </a:r>
          </a:p>
        </p:txBody>
      </p:sp>
    </p:spTree>
    <p:extLst>
      <p:ext uri="{BB962C8B-B14F-4D97-AF65-F5344CB8AC3E}">
        <p14:creationId xmlns:p14="http://schemas.microsoft.com/office/powerpoint/2010/main" val="2775595758"/>
      </p:ext>
    </p:extLst>
  </p:cSld>
  <p:clrMapOvr>
    <a:masterClrMapping/>
  </p:clrMapOvr>
</p:sld>
</file>

<file path=ppt/theme/theme1.xml><?xml version="1.0" encoding="utf-8"?>
<a:theme xmlns:a="http://schemas.openxmlformats.org/drawingml/2006/main" name="Office Theme">
  <a:themeElements>
    <a:clrScheme name="Office Them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Them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Office Theme</Template>
  <TotalTime>1525</TotalTime>
  <Words>5795</Words>
  <Application>Microsoft Office PowerPoint</Application>
  <PresentationFormat>Custom</PresentationFormat>
  <Paragraphs>611</Paragraphs>
  <Slides>30</Slides>
  <Notes>0</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30</vt:i4>
      </vt:variant>
    </vt:vector>
  </HeadingPairs>
  <TitlesOfParts>
    <vt:vector size="36" baseType="lpstr">
      <vt:lpstr>Arial</vt:lpstr>
      <vt:lpstr>Bebas Neue</vt:lpstr>
      <vt:lpstr>Calibri</vt:lpstr>
      <vt:lpstr>Calibri Light</vt:lpstr>
      <vt:lpstr>Lato Regular</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Microsoft Office User</dc:creator>
  <cp:lastModifiedBy>aine hamill</cp:lastModifiedBy>
  <cp:revision>58</cp:revision>
  <dcterms:created xsi:type="dcterms:W3CDTF">2022-02-10T16:42:57Z</dcterms:created>
  <dcterms:modified xsi:type="dcterms:W3CDTF">2022-09-21T13:48:38Z</dcterms:modified>
</cp:coreProperties>
</file>